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theme/theme2.xml" ContentType="application/vnd.openxmlformats-officedocument.them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theme/theme3.xml" ContentType="application/vnd.openxmlformats-officedocument.theme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heme/theme4.xml" ContentType="application/vnd.openxmlformats-officedocument.theme+xml"/>
  <Override PartName="/ppt/theme/theme5.xml" ContentType="application/vnd.openxmlformats-officedocument.theme+xml"/>
  <Override PartName="/ppt/tags/tag73.xml" ContentType="application/vnd.openxmlformats-officedocument.presentationml.tags+xml"/>
  <Override PartName="/ppt/notesSlides/notesSlide1.xml" ContentType="application/vnd.openxmlformats-officedocument.presentationml.notesSlide+xml"/>
  <Override PartName="/ppt/tags/tag74.xml" ContentType="application/vnd.openxmlformats-officedocument.presentationml.tags+xml"/>
  <Override PartName="/ppt/notesSlides/notesSlide2.xml" ContentType="application/vnd.openxmlformats-officedocument.presentationml.notesSlide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84.xml" ContentType="application/vnd.openxmlformats-officedocument.presentationml.tags+xml"/>
  <Override PartName="/ppt/notesSlides/notesSlide8.xml" ContentType="application/vnd.openxmlformats-officedocument.presentationml.notesSlide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6"/>
    <p:sldMasterId id="2147483772" r:id="rId7"/>
    <p:sldMasterId id="2147483801" r:id="rId8"/>
  </p:sldMasterIdLst>
  <p:notesMasterIdLst>
    <p:notesMasterId r:id="rId18"/>
  </p:notesMasterIdLst>
  <p:handoutMasterIdLst>
    <p:handoutMasterId r:id="rId19"/>
  </p:handoutMasterIdLst>
  <p:sldIdLst>
    <p:sldId id="2126986775" r:id="rId9"/>
    <p:sldId id="2126986777" r:id="rId10"/>
    <p:sldId id="2126986778" r:id="rId11"/>
    <p:sldId id="2126986783" r:id="rId12"/>
    <p:sldId id="2126986790" r:id="rId13"/>
    <p:sldId id="2126986786" r:id="rId14"/>
    <p:sldId id="2126986787" r:id="rId15"/>
    <p:sldId id="2126986788" r:id="rId16"/>
    <p:sldId id="2126986789" r:id="rId17"/>
  </p:sldIdLst>
  <p:sldSz cx="12192000" cy="6858000"/>
  <p:notesSz cx="7102475" cy="102314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66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793D81CF-94F2-401A-BA57-92F5A7B2D0C5}" styleName="Medium Styl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77673" autoAdjust="0"/>
  </p:normalViewPr>
  <p:slideViewPr>
    <p:cSldViewPr snapToGrid="0" showGuides="1">
      <p:cViewPr varScale="1">
        <p:scale>
          <a:sx n="85" d="100"/>
          <a:sy n="85" d="100"/>
        </p:scale>
        <p:origin x="396" y="7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52" d="100"/>
          <a:sy n="52" d="100"/>
        </p:scale>
        <p:origin x="23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3.xml"/><Relationship Id="rId13" Type="http://schemas.openxmlformats.org/officeDocument/2006/relationships/slide" Target="slides/slide5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Master" Target="slideMasters/slideMaster2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slide" Target="slides/slide3.xml"/><Relationship Id="rId5" Type="http://schemas.openxmlformats.org/officeDocument/2006/relationships/customXml" Target="../customXml/item5.xml"/><Relationship Id="rId15" Type="http://schemas.openxmlformats.org/officeDocument/2006/relationships/slide" Target="slides/slide7.xml"/><Relationship Id="rId23" Type="http://schemas.openxmlformats.org/officeDocument/2006/relationships/tableStyles" Target="tableStyles.xml"/><Relationship Id="rId10" Type="http://schemas.openxmlformats.org/officeDocument/2006/relationships/slide" Target="slides/slide2.xml"/><Relationship Id="rId19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115957" y="9592809"/>
            <a:ext cx="3077739" cy="513348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l">
              <a:defRPr sz="13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907135" y="9592809"/>
            <a:ext cx="3077739" cy="513348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r">
              <a:defRPr sz="13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907135" y="125281"/>
            <a:ext cx="3077739" cy="513349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r">
              <a:defRPr sz="1300"/>
            </a:lvl1pPr>
          </a:lstStyle>
          <a:p>
            <a:fld id="{13F6AEEE-E778-402E-8B8F-9A98AED26EB8}" type="datetimeFigureOut">
              <a:rPr lang="en-GB" smtClean="0"/>
              <a:t>06/04/2022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115957" y="125281"/>
            <a:ext cx="3077739" cy="513349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l">
              <a:defRPr sz="13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710248" y="4923879"/>
            <a:ext cx="5681980" cy="4028629"/>
          </a:xfrm>
          <a:prstGeom prst="rect">
            <a:avLst/>
          </a:prstGeom>
        </p:spPr>
        <p:txBody>
          <a:bodyPr vert="horz" lIns="99048" tIns="49524" rIns="99048" bIns="49524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907135" y="125281"/>
            <a:ext cx="3077739" cy="513349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r">
              <a:defRPr sz="1100"/>
            </a:lvl1pPr>
          </a:lstStyle>
          <a:p>
            <a:fld id="{1386E511-D742-4EFE-90B5-C9FC42762E0F}" type="datetimeFigureOut">
              <a:rPr lang="en-GB" smtClean="0"/>
              <a:pPr/>
              <a:t>06/04/2022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907135" y="9592809"/>
            <a:ext cx="3077739" cy="513348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r">
              <a:defRPr sz="11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115957" y="9592809"/>
            <a:ext cx="3077739" cy="513348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l">
              <a:defRPr sz="11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482600" y="1279525"/>
            <a:ext cx="6137275" cy="345281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9048" tIns="49524" rIns="99048" bIns="49524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115957" y="125281"/>
            <a:ext cx="3077739" cy="513349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l">
              <a:defRPr sz="11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1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9604297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1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1803221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1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3725965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1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744385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1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308374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1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1427139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420952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703166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4" Type="http://schemas.openxmlformats.org/officeDocument/2006/relationships/image" Target="../media/image6.svg"/></Relationships>
</file>

<file path=ppt/slideLayouts/_rels/slideLayout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3" Type="http://schemas.openxmlformats.org/officeDocument/2006/relationships/hyperlink" Target="https://www.youtube.com/user/forcetechnology" TargetMode="External"/><Relationship Id="rId7" Type="http://schemas.openxmlformats.org/officeDocument/2006/relationships/image" Target="../media/image7.png"/><Relationship Id="rId2" Type="http://schemas.openxmlformats.org/officeDocument/2006/relationships/hyperlink" Target="https://twitter.com/FORCEtechDK" TargetMode="External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svg"/><Relationship Id="rId5" Type="http://schemas.openxmlformats.org/officeDocument/2006/relationships/image" Target="../media/image5.png"/><Relationship Id="rId10" Type="http://schemas.openxmlformats.org/officeDocument/2006/relationships/image" Target="../media/image10.svg"/><Relationship Id="rId4" Type="http://schemas.openxmlformats.org/officeDocument/2006/relationships/image" Target="../media/image1.emf"/><Relationship Id="rId9" Type="http://schemas.openxmlformats.org/officeDocument/2006/relationships/image" Target="../media/image9.png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emf"/><Relationship Id="rId7" Type="http://schemas.openxmlformats.org/officeDocument/2006/relationships/image" Target="../media/image8.svg"/><Relationship Id="rId2" Type="http://schemas.openxmlformats.org/officeDocument/2006/relationships/hyperlink" Target="https://www.youtube.com/user/forcetechnology" TargetMode="External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svg"/><Relationship Id="rId4" Type="http://schemas.openxmlformats.org/officeDocument/2006/relationships/image" Target="../media/image5.png"/><Relationship Id="rId9" Type="http://schemas.openxmlformats.org/officeDocument/2006/relationships/image" Target="../media/image10.svg"/></Relationships>
</file>

<file path=ppt/slideLayouts/_rels/slideLayout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4" Type="http://schemas.openxmlformats.org/officeDocument/2006/relationships/image" Target="../media/image6.svg"/></Relationships>
</file>

<file path=ppt/slideLayouts/_rels/slideLayout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svg"/><Relationship Id="rId3" Type="http://schemas.openxmlformats.org/officeDocument/2006/relationships/hyperlink" Target="https://www.youtube.com/user/forcetechnology" TargetMode="External"/><Relationship Id="rId7" Type="http://schemas.openxmlformats.org/officeDocument/2006/relationships/image" Target="../media/image7.png"/><Relationship Id="rId2" Type="http://schemas.openxmlformats.org/officeDocument/2006/relationships/hyperlink" Target="https://twitter.com/FORCEtechDK" TargetMode="External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svg"/><Relationship Id="rId5" Type="http://schemas.openxmlformats.org/officeDocument/2006/relationships/image" Target="../media/image5.png"/><Relationship Id="rId10" Type="http://schemas.openxmlformats.org/officeDocument/2006/relationships/image" Target="../media/image10.svg"/><Relationship Id="rId4" Type="http://schemas.openxmlformats.org/officeDocument/2006/relationships/image" Target="../media/image1.emf"/><Relationship Id="rId9" Type="http://schemas.openxmlformats.org/officeDocument/2006/relationships/image" Target="../media/image9.png"/></Relationships>
</file>

<file path=ppt/slideLayouts/_rels/slideLayout54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1.emf"/><Relationship Id="rId7" Type="http://schemas.openxmlformats.org/officeDocument/2006/relationships/image" Target="../media/image8.svg"/><Relationship Id="rId2" Type="http://schemas.openxmlformats.org/officeDocument/2006/relationships/hyperlink" Target="https://www.youtube.com/user/forcetechnology" TargetMode="External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7.png"/><Relationship Id="rId5" Type="http://schemas.openxmlformats.org/officeDocument/2006/relationships/image" Target="../media/image6.svg"/><Relationship Id="rId4" Type="http://schemas.openxmlformats.org/officeDocument/2006/relationships/image" Target="../media/image5.png"/><Relationship Id="rId9" Type="http://schemas.openxmlformats.org/officeDocument/2006/relationships/image" Target="../media/image10.svg"/></Relationships>
</file>

<file path=ppt/slideLayouts/_rels/slideLayout5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7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hyperlink" Target="https://www.youtube.com/user/forcetechnology" TargetMode="External"/><Relationship Id="rId7" Type="http://schemas.openxmlformats.org/officeDocument/2006/relationships/image" Target="../media/image26.svg"/><Relationship Id="rId2" Type="http://schemas.openxmlformats.org/officeDocument/2006/relationships/hyperlink" Target="https://twitter.com/FORCEtechDK" TargetMode="External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25.png"/><Relationship Id="rId11" Type="http://schemas.openxmlformats.org/officeDocument/2006/relationships/image" Target="../media/image1.emf"/><Relationship Id="rId5" Type="http://schemas.openxmlformats.org/officeDocument/2006/relationships/image" Target="../media/image24.svg"/><Relationship Id="rId10" Type="http://schemas.openxmlformats.org/officeDocument/2006/relationships/hyperlink" Target="https://www.linkedin.com/company/force-technology" TargetMode="External"/><Relationship Id="rId4" Type="http://schemas.openxmlformats.org/officeDocument/2006/relationships/image" Target="../media/image23.png"/><Relationship Id="rId9" Type="http://schemas.openxmlformats.org/officeDocument/2006/relationships/image" Target="../media/image28.svg"/></Relationships>
</file>

<file path=ppt/slideLayouts/_rels/slideLayout78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linkedin.com/company/force-technology" TargetMode="External"/><Relationship Id="rId3" Type="http://schemas.openxmlformats.org/officeDocument/2006/relationships/image" Target="../media/image29.svg"/><Relationship Id="rId7" Type="http://schemas.openxmlformats.org/officeDocument/2006/relationships/image" Target="../media/image31.svg"/><Relationship Id="rId2" Type="http://schemas.openxmlformats.org/officeDocument/2006/relationships/image" Target="../media/image23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27.png"/><Relationship Id="rId11" Type="http://schemas.openxmlformats.org/officeDocument/2006/relationships/image" Target="../media/image1.emf"/><Relationship Id="rId5" Type="http://schemas.openxmlformats.org/officeDocument/2006/relationships/image" Target="../media/image30.svg"/><Relationship Id="rId10" Type="http://schemas.openxmlformats.org/officeDocument/2006/relationships/hyperlink" Target="https://www.youtube.com/user/forcetechnology" TargetMode="External"/><Relationship Id="rId4" Type="http://schemas.openxmlformats.org/officeDocument/2006/relationships/image" Target="../media/image25.png"/><Relationship Id="rId9" Type="http://schemas.openxmlformats.org/officeDocument/2006/relationships/hyperlink" Target="https://twitter.com/FORCEtechDK" TargetMode="External"/></Relationships>
</file>

<file path=ppt/slideLayouts/_rels/slideLayout7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svg"/><Relationship Id="rId3" Type="http://schemas.openxmlformats.org/officeDocument/2006/relationships/image" Target="../media/image32.png"/><Relationship Id="rId7" Type="http://schemas.openxmlformats.org/officeDocument/2006/relationships/image" Target="../media/image36.png"/><Relationship Id="rId2" Type="http://schemas.openxmlformats.org/officeDocument/2006/relationships/hyperlink" Target="https://www.youtube.com/user/forcetechnology" TargetMode="External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35.svg"/><Relationship Id="rId5" Type="http://schemas.openxmlformats.org/officeDocument/2006/relationships/image" Target="../media/image34.png"/><Relationship Id="rId4" Type="http://schemas.openxmlformats.org/officeDocument/2006/relationships/image" Target="../media/image33.svg"/><Relationship Id="rId9" Type="http://schemas.openxmlformats.org/officeDocument/2006/relationships/image" Target="../media/image1.emf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12" Type="http://schemas.openxmlformats.org/officeDocument/2006/relationships/image" Target="../media/image21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horizonta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" descr="{&quot;templafy&quot;:{&quot;width&quot;:&quot;33.87 cm&quot;,&quot;height&quot;:&quot;11.45 cm&quot;,&quot;binding&quot;:&quot;Form.Brand.Coverimage&quot;,&quot;type&quot;:&quot;image&quot;}}" title="Form.Brand.Coverimage">
            <a:extLst>
              <a:ext uri="{FF2B5EF4-FFF2-40B4-BE49-F238E27FC236}">
                <a16:creationId xmlns:a16="http://schemas.microsoft.com/office/drawing/2014/main" id="{DA7B32BF-F9EA-4866-932B-1F0EB613AECF}"/>
              </a:ext>
            </a:extLst>
          </p:cNvPr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23" y="-1"/>
            <a:ext cx="12175753" cy="4122000"/>
          </a:xfrm>
          <a:custGeom>
            <a:avLst/>
            <a:gdLst>
              <a:gd name="connsiteX0" fmla="*/ 0 w 12192000"/>
              <a:gd name="connsiteY0" fmla="*/ 0 h 4123618"/>
              <a:gd name="connsiteX1" fmla="*/ 12192000 w 12192000"/>
              <a:gd name="connsiteY1" fmla="*/ 0 h 4123618"/>
              <a:gd name="connsiteX2" fmla="*/ 12192000 w 12192000"/>
              <a:gd name="connsiteY2" fmla="*/ 4123618 h 4123618"/>
              <a:gd name="connsiteX3" fmla="*/ 122 w 12192000"/>
              <a:gd name="connsiteY3" fmla="*/ 3276601 h 4123618"/>
              <a:gd name="connsiteX4" fmla="*/ 122 w 12192000"/>
              <a:gd name="connsiteY4" fmla="*/ 3280259 h 4123618"/>
              <a:gd name="connsiteX5" fmla="*/ 0 w 12192000"/>
              <a:gd name="connsiteY5" fmla="*/ 3280259 h 41236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2000" h="4123618">
                <a:moveTo>
                  <a:pt x="0" y="0"/>
                </a:moveTo>
                <a:lnTo>
                  <a:pt x="12192000" y="0"/>
                </a:lnTo>
                <a:lnTo>
                  <a:pt x="12192000" y="4123618"/>
                </a:lnTo>
                <a:lnTo>
                  <a:pt x="122" y="3276601"/>
                </a:lnTo>
                <a:lnTo>
                  <a:pt x="122" y="3280259"/>
                </a:lnTo>
                <a:lnTo>
                  <a:pt x="0" y="3280259"/>
                </a:lnTo>
                <a:close/>
              </a:path>
            </a:pathLst>
          </a:custGeom>
        </p:spPr>
      </p:pic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FAE4D028-DA28-4F31-AA6B-0E356454B97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-2"/>
            <a:ext cx="12193200" cy="4132800"/>
          </a:xfrm>
          <a:custGeom>
            <a:avLst/>
            <a:gdLst>
              <a:gd name="connsiteX0" fmla="*/ 0 w 12193200"/>
              <a:gd name="connsiteY0" fmla="*/ 0 h 4123701"/>
              <a:gd name="connsiteX1" fmla="*/ 12193200 w 12193200"/>
              <a:gd name="connsiteY1" fmla="*/ 0 h 4123701"/>
              <a:gd name="connsiteX2" fmla="*/ 12193200 w 12193200"/>
              <a:gd name="connsiteY2" fmla="*/ 4123701 h 4123701"/>
              <a:gd name="connsiteX3" fmla="*/ 122 w 12193200"/>
              <a:gd name="connsiteY3" fmla="*/ 3276601 h 4123701"/>
              <a:gd name="connsiteX4" fmla="*/ 122 w 12193200"/>
              <a:gd name="connsiteY4" fmla="*/ 3280259 h 4123701"/>
              <a:gd name="connsiteX5" fmla="*/ 0 w 12193200"/>
              <a:gd name="connsiteY5" fmla="*/ 3280259 h 41237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3200" h="4123701">
                <a:moveTo>
                  <a:pt x="0" y="0"/>
                </a:moveTo>
                <a:lnTo>
                  <a:pt x="12193200" y="0"/>
                </a:lnTo>
                <a:lnTo>
                  <a:pt x="12193200" y="4123701"/>
                </a:lnTo>
                <a:lnTo>
                  <a:pt x="122" y="3276601"/>
                </a:lnTo>
                <a:lnTo>
                  <a:pt x="122" y="3280259"/>
                </a:lnTo>
                <a:lnTo>
                  <a:pt x="0" y="3280259"/>
                </a:lnTo>
                <a:close/>
              </a:path>
            </a:pathLst>
          </a:custGeom>
        </p:spPr>
        <p:txBody>
          <a:bodyPr wrap="square" lIns="144000" tIns="10800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1224" y="4431942"/>
            <a:ext cx="10836275" cy="1130300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1224" y="5543550"/>
            <a:ext cx="10836275" cy="37845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3702B350-D76D-4279-AF9C-D0505A3C0F0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6069648"/>
            <a:ext cx="5294425" cy="185737"/>
          </a:xfrm>
        </p:spPr>
        <p:txBody>
          <a:bodyPr/>
          <a:lstStyle>
            <a:lvl1pPr>
              <a:buNone/>
              <a:defRPr sz="12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</a:p>
        </p:txBody>
      </p:sp>
      <p:sp>
        <p:nvSpPr>
          <p:cNvPr id="11" name="Pladsholder til sidefod 3" hidden="1">
            <a:extLst>
              <a:ext uri="{FF2B5EF4-FFF2-40B4-BE49-F238E27FC236}">
                <a16:creationId xmlns:a16="http://schemas.microsoft.com/office/drawing/2014/main" id="{CAE119CC-58E6-44D7-8CC2-6B27DCF6AE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Pladsholder til slidenummer 4" hidden="1">
            <a:extLst>
              <a:ext uri="{FF2B5EF4-FFF2-40B4-BE49-F238E27FC236}">
                <a16:creationId xmlns:a16="http://schemas.microsoft.com/office/drawing/2014/main" id="{EED34137-3F79-4427-858C-256A8195F5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ransparent shape">
            <a:extLst>
              <a:ext uri="{FF2B5EF4-FFF2-40B4-BE49-F238E27FC236}">
                <a16:creationId xmlns:a16="http://schemas.microsoft.com/office/drawing/2014/main" id="{C6FFB300-0B1F-42A5-9FF7-1EA02705E1B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rot="5400000">
            <a:off x="5162427" y="-5162427"/>
            <a:ext cx="1867146" cy="12192000"/>
          </a:xfrm>
          <a:custGeom>
            <a:avLst/>
            <a:gdLst>
              <a:gd name="connsiteX0" fmla="*/ 0 w 1867146"/>
              <a:gd name="connsiteY0" fmla="*/ 12192000 h 12192000"/>
              <a:gd name="connsiteX1" fmla="*/ 0 w 1867146"/>
              <a:gd name="connsiteY1" fmla="*/ 0 h 12192000"/>
              <a:gd name="connsiteX2" fmla="*/ 1068516 w 1867146"/>
              <a:gd name="connsiteY2" fmla="*/ 0 h 12192000"/>
              <a:gd name="connsiteX3" fmla="*/ 1867146 w 1867146"/>
              <a:gd name="connsiteY3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67146" h="12192000">
                <a:moveTo>
                  <a:pt x="0" y="12192000"/>
                </a:moveTo>
                <a:lnTo>
                  <a:pt x="0" y="0"/>
                </a:lnTo>
                <a:lnTo>
                  <a:pt x="1068516" y="0"/>
                </a:lnTo>
                <a:lnTo>
                  <a:pt x="1867146" y="12192000"/>
                </a:lnTo>
                <a:close/>
              </a:path>
            </a:pathLst>
          </a:custGeom>
          <a:solidFill>
            <a:schemeClr val="bg1">
              <a:alpha val="4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5" name="Date_GeneralDate">
            <a:extLst>
              <a:ext uri="{FF2B5EF4-FFF2-40B4-BE49-F238E27FC236}">
                <a16:creationId xmlns:a16="http://schemas.microsoft.com/office/drawing/2014/main" id="{A86EC8A7-F57F-4B52-830A-5898029ED70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10800" y="6303600"/>
            <a:ext cx="2512800" cy="198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00">
                <a:solidFill>
                  <a:schemeClr val="accent3"/>
                </a:solidFill>
              </a:defRPr>
            </a:lvl1pPr>
          </a:lstStyle>
          <a:p>
            <a:fld id="{175E300E-5D97-4C7C-8A20-BE1712EA7A7E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475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08C49F6C-82FB-4202-A9FE-D33777E339EE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453074" y="1520825"/>
            <a:ext cx="5294426" cy="2882487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4652873"/>
            <a:ext cx="5294425" cy="262444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1" i="0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6446838" y="4652873"/>
            <a:ext cx="5295600" cy="262444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A4F95CD8-C53C-418B-8CE7-7E42C91567D4}"/>
              </a:ext>
            </a:extLst>
          </p:cNvPr>
          <p:cNvSpPr>
            <a:spLocks noGrp="1"/>
          </p:cNvSpPr>
          <p:nvPr>
            <p:ph type="body" idx="18" hasCustomPrompt="1"/>
          </p:nvPr>
        </p:nvSpPr>
        <p:spPr>
          <a:xfrm>
            <a:off x="910800" y="4976723"/>
            <a:ext cx="5294425" cy="971640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0" i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20B6C34D-A0EE-46AE-AD3D-65609DC12D7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46838" y="4976723"/>
            <a:ext cx="5300662" cy="971640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5" name="Content Placeholder 20">
            <a:extLst>
              <a:ext uri="{FF2B5EF4-FFF2-40B4-BE49-F238E27FC236}">
                <a16:creationId xmlns:a16="http://schemas.microsoft.com/office/drawing/2014/main" id="{0591F093-FB2E-6548-A8E9-B68BAC488C07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11225" y="1520824"/>
            <a:ext cx="5294426" cy="2882487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910800" y="6277560"/>
            <a:ext cx="394920" cy="180000"/>
          </a:xfr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4" name="FLD_PresentationTitle">
            <a:extLst>
              <a:ext uri="{FF2B5EF4-FFF2-40B4-BE49-F238E27FC236}">
                <a16:creationId xmlns:a16="http://schemas.microsoft.com/office/drawing/2014/main" id="{058A917C-1014-7148-9903-12F67659F738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Date_GeneralDate" hidden="1">
            <a:extLst>
              <a:ext uri="{FF2B5EF4-FFF2-40B4-BE49-F238E27FC236}">
                <a16:creationId xmlns:a16="http://schemas.microsoft.com/office/drawing/2014/main" id="{A72B3942-957A-4B46-935F-333CE5AE3E4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CFDFEF2-B983-4CCE-A78D-5D73310BEF72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13532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475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1639333C-621A-4198-9AA3-81AC3DA6E5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10800" y="1520825"/>
            <a:ext cx="3448163" cy="2226363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4010275"/>
            <a:ext cx="3448163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 i="0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4604331" y="4010275"/>
            <a:ext cx="3449637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D52EEC7-C984-4803-8EBC-DE4817DE23A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299336" y="4010275"/>
            <a:ext cx="3448164" cy="300551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12" name="Content Placeholder 18">
            <a:extLst>
              <a:ext uri="{FF2B5EF4-FFF2-40B4-BE49-F238E27FC236}">
                <a16:creationId xmlns:a16="http://schemas.microsoft.com/office/drawing/2014/main" id="{7B9FB339-F8FE-4CEF-A1D2-59B79FE0CB38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605125" y="1520825"/>
            <a:ext cx="3448163" cy="2226363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13" name="Content Placeholder 18">
            <a:extLst>
              <a:ext uri="{FF2B5EF4-FFF2-40B4-BE49-F238E27FC236}">
                <a16:creationId xmlns:a16="http://schemas.microsoft.com/office/drawing/2014/main" id="{A46FB0D7-4284-4A8E-BE04-325186BD6AFB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8299450" y="1520825"/>
            <a:ext cx="3448050" cy="2226363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BB9CB4EC-6D48-41AB-B344-F467AF161907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910800" y="4372224"/>
            <a:ext cx="3448163" cy="1576139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 i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26E7806D-ED9D-404B-92CB-7767041EF37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604331" y="4372224"/>
            <a:ext cx="3449637" cy="1576139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7" name="Text Placeholder 10">
            <a:extLst>
              <a:ext uri="{FF2B5EF4-FFF2-40B4-BE49-F238E27FC236}">
                <a16:creationId xmlns:a16="http://schemas.microsoft.com/office/drawing/2014/main" id="{30611C6F-6A23-4809-9530-DB0ADED1837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299336" y="4372224"/>
            <a:ext cx="3448164" cy="1576139"/>
          </a:xfrm>
        </p:spPr>
        <p:txBody>
          <a:bodyPr/>
          <a:lstStyle>
            <a:lvl1pPr marL="0" indent="0">
              <a:buNone/>
              <a:defRPr b="0">
                <a:solidFill>
                  <a:schemeClr val="accent3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0B75EACF-5A11-2A42-8647-3430880DB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Date_GeneralDate" hidden="1">
            <a:extLst>
              <a:ext uri="{FF2B5EF4-FFF2-40B4-BE49-F238E27FC236}">
                <a16:creationId xmlns:a16="http://schemas.microsoft.com/office/drawing/2014/main" id="{3D68717B-E60D-44E1-A96B-6E8894008DF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5C63D5A-6A82-4F86-9CF1-3F8DF17785CB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223077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475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1941513"/>
            <a:ext cx="3448163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 i="0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4604331" y="1941513"/>
            <a:ext cx="3449637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D52EEC7-C984-4803-8EBC-DE4817DE23A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299336" y="1941513"/>
            <a:ext cx="3448164" cy="300551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BB9CB4EC-6D48-41AB-B344-F467AF161907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910800" y="2303462"/>
            <a:ext cx="3448163" cy="364490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 i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26E7806D-ED9D-404B-92CB-7767041EF37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604331" y="2303462"/>
            <a:ext cx="3449637" cy="364490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7" name="Text Placeholder 10">
            <a:extLst>
              <a:ext uri="{FF2B5EF4-FFF2-40B4-BE49-F238E27FC236}">
                <a16:creationId xmlns:a16="http://schemas.microsoft.com/office/drawing/2014/main" id="{30611C6F-6A23-4809-9530-DB0ADED1837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299336" y="2303462"/>
            <a:ext cx="3448164" cy="3644901"/>
          </a:xfrm>
        </p:spPr>
        <p:txBody>
          <a:bodyPr/>
          <a:lstStyle>
            <a:lvl1pPr marL="0" indent="0">
              <a:buNone/>
              <a:defRPr b="0">
                <a:solidFill>
                  <a:schemeClr val="accent3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0B75EACF-5A11-2A42-8647-3430880DB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Date_GeneralDate" hidden="1">
            <a:extLst>
              <a:ext uri="{FF2B5EF4-FFF2-40B4-BE49-F238E27FC236}">
                <a16:creationId xmlns:a16="http://schemas.microsoft.com/office/drawing/2014/main" id="{736111EE-2D73-4D4A-B431-58716F3C9D8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AF375517-3A19-407F-A7F5-D37B41743F59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732768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1639333C-621A-4198-9AA3-81AC3DA6E5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10800" y="1520825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3428999"/>
            <a:ext cx="2524238" cy="25193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6" name="Content Placeholder 18">
            <a:extLst>
              <a:ext uri="{FF2B5EF4-FFF2-40B4-BE49-F238E27FC236}">
                <a16:creationId xmlns:a16="http://schemas.microsoft.com/office/drawing/2014/main" id="{807D49C6-51AE-4727-BD79-4B4FE9D6FA03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3670187" y="1520825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17" name="Content Placeholder 18">
            <a:extLst>
              <a:ext uri="{FF2B5EF4-FFF2-40B4-BE49-F238E27FC236}">
                <a16:creationId xmlns:a16="http://schemas.microsoft.com/office/drawing/2014/main" id="{6242CCC1-AC50-4516-9BCA-28E0CE7651C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438408" y="1520825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18" name="Content Placeholder 18">
            <a:extLst>
              <a:ext uri="{FF2B5EF4-FFF2-40B4-BE49-F238E27FC236}">
                <a16:creationId xmlns:a16="http://schemas.microsoft.com/office/drawing/2014/main" id="{0D431630-CEB9-462D-AB7A-79F9ADE48EB5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208528" y="1520825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14FE1FC2-311E-4F8A-B138-4CEA71DCBCF0}"/>
              </a:ext>
            </a:extLst>
          </p:cNvPr>
          <p:cNvSpPr>
            <a:spLocks noGrp="1"/>
          </p:cNvSpPr>
          <p:nvPr>
            <p:ph type="body" idx="23" hasCustomPrompt="1"/>
          </p:nvPr>
        </p:nvSpPr>
        <p:spPr>
          <a:xfrm>
            <a:off x="3675063" y="3428999"/>
            <a:ext cx="2524238" cy="25193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22" name="Text Placeholder 2">
            <a:extLst>
              <a:ext uri="{FF2B5EF4-FFF2-40B4-BE49-F238E27FC236}">
                <a16:creationId xmlns:a16="http://schemas.microsoft.com/office/drawing/2014/main" id="{0F927034-9889-4D24-8922-FAD143802295}"/>
              </a:ext>
            </a:extLst>
          </p:cNvPr>
          <p:cNvSpPr>
            <a:spLocks noGrp="1"/>
          </p:cNvSpPr>
          <p:nvPr>
            <p:ph type="body" idx="24" hasCustomPrompt="1"/>
          </p:nvPr>
        </p:nvSpPr>
        <p:spPr>
          <a:xfrm>
            <a:off x="6446838" y="3428999"/>
            <a:ext cx="2524238" cy="25193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B08AD8EE-46A2-43BB-B399-0F5315A5C0EF}"/>
              </a:ext>
            </a:extLst>
          </p:cNvPr>
          <p:cNvSpPr>
            <a:spLocks noGrp="1"/>
          </p:cNvSpPr>
          <p:nvPr>
            <p:ph type="body" idx="25" hasCustomPrompt="1"/>
          </p:nvPr>
        </p:nvSpPr>
        <p:spPr>
          <a:xfrm>
            <a:off x="9223262" y="3428999"/>
            <a:ext cx="2524238" cy="25193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4F80B7AA-0B32-7A4A-A984-8E07BED6B0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Date_GeneralDate" hidden="1">
            <a:extLst>
              <a:ext uri="{FF2B5EF4-FFF2-40B4-BE49-F238E27FC236}">
                <a16:creationId xmlns:a16="http://schemas.microsoft.com/office/drawing/2014/main" id="{50D9FBFF-FC21-42F3-89AA-5BAE04977C0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F328033-1A08-4E52-83BC-889F89A3F451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7235494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3 images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437040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08C49F6C-82FB-4202-A9FE-D33777E339EE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5523840" y="612000"/>
            <a:ext cx="2570400" cy="1620000"/>
          </a:xfrm>
        </p:spPr>
        <p:txBody>
          <a:bodyPr/>
          <a:lstStyle>
            <a:lvl1pPr indent="0" algn="ctr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C67CBB49-700E-4A02-9E1B-7C715A87E70A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5523840" y="2437781"/>
            <a:ext cx="2570400" cy="1620000"/>
          </a:xfrm>
        </p:spPr>
        <p:txBody>
          <a:bodyPr/>
          <a:lstStyle>
            <a:lvl1pPr indent="0" algn="ctr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B5F51CD8-3900-4D3F-B896-BC6E308FB79B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522400" y="4301332"/>
            <a:ext cx="2571840" cy="1620000"/>
          </a:xfrm>
        </p:spPr>
        <p:txBody>
          <a:bodyPr/>
          <a:lstStyle>
            <a:lvl1pPr indent="0" algn="ctr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8277225" y="612000"/>
            <a:ext cx="3480881" cy="1620000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252000" indent="-252000">
              <a:buFont typeface="Arial" panose="020B0604020202020204" pitchFamily="34" charset="0"/>
              <a:buChar char="•"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D52EEC7-C984-4803-8EBC-DE4817DE23A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277225" y="2437781"/>
            <a:ext cx="3480881" cy="1620000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6FDBB50C-C8CB-488D-BE20-B98F409D38C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277225" y="4301332"/>
            <a:ext cx="3480881" cy="1620000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8AA298E-B5B2-FD40-80C2-F67B211C435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1225" y="1941513"/>
            <a:ext cx="4370388" cy="400685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2" name="FLD_PresentationTitle">
            <a:extLst>
              <a:ext uri="{FF2B5EF4-FFF2-40B4-BE49-F238E27FC236}">
                <a16:creationId xmlns:a16="http://schemas.microsoft.com/office/drawing/2014/main" id="{5B02DDA5-D7CD-7745-8E50-15BCC1AF400B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Date_GeneralDate" hidden="1">
            <a:extLst>
              <a:ext uri="{FF2B5EF4-FFF2-40B4-BE49-F238E27FC236}">
                <a16:creationId xmlns:a16="http://schemas.microsoft.com/office/drawing/2014/main" id="{CC45C003-0929-49CC-8DC4-404EB190FE6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0E773AC-0736-4993-B374-810FE6BDA048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8202141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6182351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EB935D-B49E-6449-A90B-292646D7348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11225" y="1944688"/>
            <a:ext cx="6181725" cy="4003675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43D5C6DB-F17F-0B4D-ACBB-5A7B5C18B425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7391400" y="0"/>
            <a:ext cx="4800600" cy="6858000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Tx/>
              <a:buNone/>
              <a:tabLst/>
              <a:defRPr sz="1400"/>
            </a:lvl1pPr>
          </a:lstStyle>
          <a:p>
            <a:pPr marL="285750" marR="0" lvl="0" indent="-28575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054E8B34-0B4F-0042-BE66-5A7F7CDB379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Date_GeneralDate" hidden="1">
            <a:extLst>
              <a:ext uri="{FF2B5EF4-FFF2-40B4-BE49-F238E27FC236}">
                <a16:creationId xmlns:a16="http://schemas.microsoft.com/office/drawing/2014/main" id="{F8C0BF42-E3CE-4074-9335-31230398A89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20A521A-099F-417B-8A9C-9A0015527EC8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291323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 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367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hart Placeholder 2">
            <a:extLst>
              <a:ext uri="{FF2B5EF4-FFF2-40B4-BE49-F238E27FC236}">
                <a16:creationId xmlns:a16="http://schemas.microsoft.com/office/drawing/2014/main" id="{3EC2A8ED-A720-4108-87F6-509A42A323B8}"/>
              </a:ext>
            </a:extLst>
          </p:cNvPr>
          <p:cNvSpPr>
            <a:spLocks noGrp="1"/>
          </p:cNvSpPr>
          <p:nvPr>
            <p:ph type="chart" sz="quarter" idx="20" hasCustomPrompt="1"/>
          </p:nvPr>
        </p:nvSpPr>
        <p:spPr>
          <a:xfrm>
            <a:off x="5524500" y="1944688"/>
            <a:ext cx="6223000" cy="4003675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Insert chart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57D6CCC-992F-8C4D-AF73-4CD081BF222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11225" y="1520825"/>
            <a:ext cx="4370388" cy="44275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C1BF0155-C8A6-2844-9674-32B44765044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Date_GeneralDate" hidden="1">
            <a:extLst>
              <a:ext uri="{FF2B5EF4-FFF2-40B4-BE49-F238E27FC236}">
                <a16:creationId xmlns:a16="http://schemas.microsoft.com/office/drawing/2014/main" id="{9E9E1C5D-03E4-43F3-9623-00D65063C2F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273F014-613C-4DB6-AF72-9624F6BF1068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281500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 imag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2412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0C2F30A-0962-4961-93DA-DD7E0107A85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446839" y="1520825"/>
            <a:ext cx="5300252" cy="4002645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Insert image from Image bank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DA7FA073-D694-4291-97A6-BAF15DCB5CEC}"/>
              </a:ext>
            </a:extLst>
          </p:cNvPr>
          <p:cNvSpPr>
            <a:spLocks noGrp="1"/>
          </p:cNvSpPr>
          <p:nvPr>
            <p:ph type="body" sz="half" idx="14" hasCustomPrompt="1"/>
          </p:nvPr>
        </p:nvSpPr>
        <p:spPr>
          <a:xfrm>
            <a:off x="6453075" y="5674677"/>
            <a:ext cx="4583159" cy="273686"/>
          </a:xfrm>
        </p:spPr>
        <p:txBody>
          <a:bodyPr/>
          <a:lstStyle>
            <a:lvl1pPr marL="0" indent="0">
              <a:buNone/>
              <a:defRPr sz="1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 dirty="0"/>
              <a:t>Click to add cap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7F86768-5C3E-9C45-A4F5-E2A9C65584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1225" y="1520826"/>
            <a:ext cx="5281613" cy="44275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ADB813E1-49C1-914E-BFE8-11D74081829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Date_GeneralDate" hidden="1">
            <a:extLst>
              <a:ext uri="{FF2B5EF4-FFF2-40B4-BE49-F238E27FC236}">
                <a16:creationId xmlns:a16="http://schemas.microsoft.com/office/drawing/2014/main" id="{B4879093-E349-4B53-BB54-6E6751506F3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AEAACC86-17AB-4DEE-9246-9F959EB29853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404759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24120" cy="132951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F949AA8-B2BC-4A5E-B857-905791DA9018}" type="datetime3">
              <a:rPr lang="da-DK" smtClean="0"/>
              <a:t>06.04.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8DD47575-E5FC-304B-B15E-448A44028B1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6" name="FLD_PresentationTitle">
            <a:extLst>
              <a:ext uri="{FF2B5EF4-FFF2-40B4-BE49-F238E27FC236}">
                <a16:creationId xmlns:a16="http://schemas.microsoft.com/office/drawing/2014/main" id="{D809703C-9C83-E74D-9C42-AA9C32E1781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Pladsholder til dato 2" hidden="1">
            <a:extLst>
              <a:ext uri="{FF2B5EF4-FFF2-40B4-BE49-F238E27FC236}">
                <a16:creationId xmlns:a16="http://schemas.microsoft.com/office/drawing/2014/main" id="{EE7A7107-9235-4684-9DBA-CC964714F61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0AC096B-C7BC-4823-A9B4-EE69B6AC37CE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horizontal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FAE4D028-DA28-4F31-AA6B-0E356454B97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2021"/>
            <a:ext cx="12193200" cy="4123701"/>
          </a:xfrm>
          <a:custGeom>
            <a:avLst/>
            <a:gdLst>
              <a:gd name="connsiteX0" fmla="*/ 0 w 12193200"/>
              <a:gd name="connsiteY0" fmla="*/ 0 h 4123701"/>
              <a:gd name="connsiteX1" fmla="*/ 12193200 w 12193200"/>
              <a:gd name="connsiteY1" fmla="*/ 0 h 4123701"/>
              <a:gd name="connsiteX2" fmla="*/ 12193200 w 12193200"/>
              <a:gd name="connsiteY2" fmla="*/ 4123701 h 4123701"/>
              <a:gd name="connsiteX3" fmla="*/ 122 w 12193200"/>
              <a:gd name="connsiteY3" fmla="*/ 3276601 h 4123701"/>
              <a:gd name="connsiteX4" fmla="*/ 122 w 12193200"/>
              <a:gd name="connsiteY4" fmla="*/ 3280259 h 4123701"/>
              <a:gd name="connsiteX5" fmla="*/ 0 w 12193200"/>
              <a:gd name="connsiteY5" fmla="*/ 3280259 h 41237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3200" h="4123701">
                <a:moveTo>
                  <a:pt x="0" y="0"/>
                </a:moveTo>
                <a:lnTo>
                  <a:pt x="12193200" y="0"/>
                </a:lnTo>
                <a:lnTo>
                  <a:pt x="12193200" y="4123701"/>
                </a:lnTo>
                <a:lnTo>
                  <a:pt x="122" y="3276601"/>
                </a:lnTo>
                <a:lnTo>
                  <a:pt x="122" y="3280259"/>
                </a:lnTo>
                <a:lnTo>
                  <a:pt x="0" y="3280259"/>
                </a:lnTo>
                <a:close/>
              </a:path>
            </a:pathLst>
          </a:custGeom>
        </p:spPr>
        <p:txBody>
          <a:bodyPr wrap="square" lIns="144000" tIns="108000">
            <a:noAutofit/>
          </a:bodyPr>
          <a:lstStyle>
            <a:lvl1pPr marL="0" indent="0" algn="ctr">
              <a:buNone/>
              <a:defRPr sz="14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0116D9D-B7F4-4E60-8A23-3D896C257804}"/>
              </a:ext>
            </a:extLst>
          </p:cNvPr>
          <p:cNvSpPr/>
          <p:nvPr userDrawn="1"/>
        </p:nvSpPr>
        <p:spPr>
          <a:xfrm>
            <a:off x="0" y="3258675"/>
            <a:ext cx="12219822" cy="3594100"/>
          </a:xfrm>
          <a:custGeom>
            <a:avLst/>
            <a:gdLst>
              <a:gd name="connsiteX0" fmla="*/ 0 w 12193200"/>
              <a:gd name="connsiteY0" fmla="*/ 0 h 3759200"/>
              <a:gd name="connsiteX1" fmla="*/ 12193200 w 12193200"/>
              <a:gd name="connsiteY1" fmla="*/ 0 h 3759200"/>
              <a:gd name="connsiteX2" fmla="*/ 12193200 w 12193200"/>
              <a:gd name="connsiteY2" fmla="*/ 3759200 h 3759200"/>
              <a:gd name="connsiteX3" fmla="*/ 0 w 12193200"/>
              <a:gd name="connsiteY3" fmla="*/ 3759200 h 3759200"/>
              <a:gd name="connsiteX4" fmla="*/ 0 w 12193200"/>
              <a:gd name="connsiteY4" fmla="*/ 0 h 3759200"/>
              <a:gd name="connsiteX0" fmla="*/ 0 w 12218600"/>
              <a:gd name="connsiteY0" fmla="*/ 0 h 3759200"/>
              <a:gd name="connsiteX1" fmla="*/ 12218600 w 12218600"/>
              <a:gd name="connsiteY1" fmla="*/ 990600 h 3759200"/>
              <a:gd name="connsiteX2" fmla="*/ 12193200 w 12218600"/>
              <a:gd name="connsiteY2" fmla="*/ 3759200 h 3759200"/>
              <a:gd name="connsiteX3" fmla="*/ 0 w 12218600"/>
              <a:gd name="connsiteY3" fmla="*/ 3759200 h 3759200"/>
              <a:gd name="connsiteX4" fmla="*/ 0 w 12218600"/>
              <a:gd name="connsiteY4" fmla="*/ 0 h 3759200"/>
              <a:gd name="connsiteX0" fmla="*/ 0 w 12231300"/>
              <a:gd name="connsiteY0" fmla="*/ 0 h 3581400"/>
              <a:gd name="connsiteX1" fmla="*/ 12231300 w 12231300"/>
              <a:gd name="connsiteY1" fmla="*/ 812800 h 3581400"/>
              <a:gd name="connsiteX2" fmla="*/ 12205900 w 12231300"/>
              <a:gd name="connsiteY2" fmla="*/ 3581400 h 3581400"/>
              <a:gd name="connsiteX3" fmla="*/ 12700 w 12231300"/>
              <a:gd name="connsiteY3" fmla="*/ 3581400 h 3581400"/>
              <a:gd name="connsiteX4" fmla="*/ 0 w 12231300"/>
              <a:gd name="connsiteY4" fmla="*/ 0 h 3581400"/>
              <a:gd name="connsiteX0" fmla="*/ 0 w 12231300"/>
              <a:gd name="connsiteY0" fmla="*/ 0 h 3581400"/>
              <a:gd name="connsiteX1" fmla="*/ 12231300 w 12231300"/>
              <a:gd name="connsiteY1" fmla="*/ 825500 h 3581400"/>
              <a:gd name="connsiteX2" fmla="*/ 12205900 w 12231300"/>
              <a:gd name="connsiteY2" fmla="*/ 3581400 h 3581400"/>
              <a:gd name="connsiteX3" fmla="*/ 12700 w 12231300"/>
              <a:gd name="connsiteY3" fmla="*/ 3581400 h 3581400"/>
              <a:gd name="connsiteX4" fmla="*/ 0 w 12231300"/>
              <a:gd name="connsiteY4" fmla="*/ 0 h 3581400"/>
              <a:gd name="connsiteX0" fmla="*/ 1222 w 12219822"/>
              <a:gd name="connsiteY0" fmla="*/ 0 h 3594100"/>
              <a:gd name="connsiteX1" fmla="*/ 12219822 w 12219822"/>
              <a:gd name="connsiteY1" fmla="*/ 838200 h 3594100"/>
              <a:gd name="connsiteX2" fmla="*/ 12194422 w 12219822"/>
              <a:gd name="connsiteY2" fmla="*/ 3594100 h 3594100"/>
              <a:gd name="connsiteX3" fmla="*/ 1222 w 12219822"/>
              <a:gd name="connsiteY3" fmla="*/ 3594100 h 3594100"/>
              <a:gd name="connsiteX4" fmla="*/ 1222 w 12219822"/>
              <a:gd name="connsiteY4" fmla="*/ 0 h 3594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219822" h="3594100">
                <a:moveTo>
                  <a:pt x="1222" y="0"/>
                </a:moveTo>
                <a:lnTo>
                  <a:pt x="12219822" y="838200"/>
                </a:lnTo>
                <a:lnTo>
                  <a:pt x="12194422" y="3594100"/>
                </a:lnTo>
                <a:lnTo>
                  <a:pt x="1222" y="3594100"/>
                </a:lnTo>
                <a:cubicBezTo>
                  <a:pt x="-3011" y="2400300"/>
                  <a:pt x="5455" y="1193800"/>
                  <a:pt x="1222" y="0"/>
                </a:cubicBezTo>
                <a:close/>
              </a:path>
            </a:pathLst>
          </a:cu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0800" y="4406184"/>
            <a:ext cx="10849319" cy="1130300"/>
          </a:xfrm>
        </p:spPr>
        <p:txBody>
          <a:bodyPr anchor="b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0800" y="5543550"/>
            <a:ext cx="10849319" cy="37845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3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:a16="http://schemas.microsoft.com/office/drawing/2014/main" id="{8AB2C357-7F15-4B1D-A1DE-4F1BD395498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6069648"/>
            <a:ext cx="5294425" cy="185737"/>
          </a:xfrm>
        </p:spPr>
        <p:txBody>
          <a:bodyPr/>
          <a:lstStyle>
            <a:lvl1pPr>
              <a:buNone/>
              <a:defRPr sz="12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</a:p>
        </p:txBody>
      </p:sp>
      <p:pic>
        <p:nvPicPr>
          <p:cNvPr id="8" name="image" descr="{&quot;templafy&quot;:{&quot;type&quot;:&quot;image&quot;,&quot;binding&quot;:&quot;Form.Brand.LogoNeg&quot;,&quot;height&quot;:&quot;2.0 cm&quot;,&quot;width&quot;:&quot;7.91 cm&quot;}}" title="Form.Brand.LogoNeg">
            <a:extLst>
              <a:ext uri="{FF2B5EF4-FFF2-40B4-BE49-F238E27FC236}">
                <a16:creationId xmlns:a16="http://schemas.microsoft.com/office/drawing/2014/main" id="{FBF48EB5-6B6B-4CF3-855B-09CD9181636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1423" y="5748010"/>
            <a:ext cx="2848696" cy="720000"/>
          </a:xfrm>
          <a:prstGeom prst="rect">
            <a:avLst/>
          </a:prstGeom>
        </p:spPr>
      </p:pic>
      <p:sp>
        <p:nvSpPr>
          <p:cNvPr id="11" name="Pladsholder til sidefod 3" hidden="1">
            <a:extLst>
              <a:ext uri="{FF2B5EF4-FFF2-40B4-BE49-F238E27FC236}">
                <a16:creationId xmlns:a16="http://schemas.microsoft.com/office/drawing/2014/main" id="{C951C2AE-6DF1-460C-9718-0D690C2898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4" hidden="1">
            <a:extLst>
              <a:ext uri="{FF2B5EF4-FFF2-40B4-BE49-F238E27FC236}">
                <a16:creationId xmlns:a16="http://schemas.microsoft.com/office/drawing/2014/main" id="{1C5D06FF-78C6-4921-AF72-45742CDA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ransparent shape">
            <a:extLst>
              <a:ext uri="{FF2B5EF4-FFF2-40B4-BE49-F238E27FC236}">
                <a16:creationId xmlns:a16="http://schemas.microsoft.com/office/drawing/2014/main" id="{CDBB09BE-7BA3-4C41-A500-466823BB767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rot="5400000">
            <a:off x="5162427" y="-5162427"/>
            <a:ext cx="1867146" cy="12192000"/>
          </a:xfrm>
          <a:custGeom>
            <a:avLst/>
            <a:gdLst>
              <a:gd name="connsiteX0" fmla="*/ 0 w 1867146"/>
              <a:gd name="connsiteY0" fmla="*/ 12192000 h 12192000"/>
              <a:gd name="connsiteX1" fmla="*/ 0 w 1867146"/>
              <a:gd name="connsiteY1" fmla="*/ 0 h 12192000"/>
              <a:gd name="connsiteX2" fmla="*/ 1068516 w 1867146"/>
              <a:gd name="connsiteY2" fmla="*/ 0 h 12192000"/>
              <a:gd name="connsiteX3" fmla="*/ 1867146 w 1867146"/>
              <a:gd name="connsiteY3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67146" h="12192000">
                <a:moveTo>
                  <a:pt x="0" y="12192000"/>
                </a:moveTo>
                <a:lnTo>
                  <a:pt x="0" y="0"/>
                </a:lnTo>
                <a:lnTo>
                  <a:pt x="1068516" y="0"/>
                </a:lnTo>
                <a:lnTo>
                  <a:pt x="1867146" y="12192000"/>
                </a:lnTo>
                <a:close/>
              </a:path>
            </a:pathLst>
          </a:custGeom>
          <a:solidFill>
            <a:schemeClr val="bg1">
              <a:alpha val="4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6" name="Date_GeneralDate">
            <a:extLst>
              <a:ext uri="{FF2B5EF4-FFF2-40B4-BE49-F238E27FC236}">
                <a16:creationId xmlns:a16="http://schemas.microsoft.com/office/drawing/2014/main" id="{9276D74F-265D-4F82-A292-AF8D49CA513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10800" y="6303600"/>
            <a:ext cx="2512800" cy="198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00">
                <a:solidFill>
                  <a:schemeClr val="bg1"/>
                </a:solidFill>
              </a:defRPr>
            </a:lvl1pPr>
          </a:lstStyle>
          <a:p>
            <a:fld id="{BC345B32-C8CE-4C36-AB14-05E9DC74CF6C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242196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slide 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07F558E4-7117-4186-A19A-2D140CEC8CB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910801" y="4221131"/>
            <a:ext cx="5283626" cy="1727231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CA806C4-55A0-4CFE-AC24-EC98BEF67EB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910800" y="1941513"/>
            <a:ext cx="5283625" cy="2211941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headline</a:t>
            </a:r>
          </a:p>
        </p:txBody>
      </p:sp>
      <p:pic>
        <p:nvPicPr>
          <p:cNvPr id="10" name="image" descr="{&quot;templafy&quot;:{&quot;width&quot;:&quot;7.91 cm&quot;,&quot;height&quot;:&quot;2.0 cm&quot;,&quot;binding&quot;:&quot;Form.Brand.LogoPos_tl&quot;,&quot;type&quot;:&quot;image&quot;}}" title="Form.Brand.LogoPos_tl">
            <a:extLst>
              <a:ext uri="{FF2B5EF4-FFF2-40B4-BE49-F238E27FC236}">
                <a16:creationId xmlns:a16="http://schemas.microsoft.com/office/drawing/2014/main" id="{A688610F-2110-7F49-B19A-25BEC5DF060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1225" y="606425"/>
            <a:ext cx="2848696" cy="72000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AEA9762C-CB3A-C348-9F72-A2E404D7204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dato 2" hidden="1">
            <a:extLst>
              <a:ext uri="{FF2B5EF4-FFF2-40B4-BE49-F238E27FC236}">
                <a16:creationId xmlns:a16="http://schemas.microsoft.com/office/drawing/2014/main" id="{54FD273A-FEE6-4D82-813A-927F05ECC7D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922F3A7-419B-40E7-82E4-3E78006B690B}" type="datetime3">
              <a:rPr lang="da-DK" smtClean="0"/>
              <a:t>06.04.2022</a:t>
            </a:fld>
            <a:endParaRPr lang="en-GB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6A5BF87-E8FE-43E7-908D-FB96677AC40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6838" y="0"/>
            <a:ext cx="5745162" cy="6858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5065521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slide background 0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3B67C01-9ABE-3549-9D0C-9BDE3D771F44}"/>
              </a:ext>
            </a:extLst>
          </p:cNvPr>
          <p:cNvSpPr/>
          <p:nvPr userDrawn="1"/>
        </p:nvSpPr>
        <p:spPr>
          <a:xfrm>
            <a:off x="0" y="4893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6000" y="612000"/>
            <a:ext cx="10825200" cy="1789989"/>
          </a:xfrm>
        </p:spPr>
        <p:txBody>
          <a:bodyPr anchor="b"/>
          <a:lstStyle>
            <a:lvl1pPr algn="l">
              <a:defRPr sz="48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5999" y="2401200"/>
            <a:ext cx="10825201" cy="352001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48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text</a:t>
            </a:r>
          </a:p>
        </p:txBody>
      </p:sp>
      <p:pic>
        <p:nvPicPr>
          <p:cNvPr id="9" name="image" descr="{&quot;templafy&quot;:{&quot;width&quot;:&quot;7.91 cm&quot;,&quot;height&quot;:&quot;2.0 cm&quot;,&quot;binding&quot;:&quot;Form.Brand.LogoNeg&quot;,&quot;type&quot;:&quot;image&quot;}}" title="Form.Brand.LogoNeg">
            <a:extLst>
              <a:ext uri="{FF2B5EF4-FFF2-40B4-BE49-F238E27FC236}">
                <a16:creationId xmlns:a16="http://schemas.microsoft.com/office/drawing/2014/main" id="{A6EC723F-6CD7-6741-94A3-6B1BE39EA51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9A9F53A3-ECC1-1B42-9EC7-D2A854EAF3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Pladsholder til dato 2" hidden="1">
            <a:extLst>
              <a:ext uri="{FF2B5EF4-FFF2-40B4-BE49-F238E27FC236}">
                <a16:creationId xmlns:a16="http://schemas.microsoft.com/office/drawing/2014/main" id="{7D687966-7062-4F7D-99BE-1B8C081E62A7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6876166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slide background 02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6000" y="612000"/>
            <a:ext cx="10825200" cy="1789989"/>
          </a:xfrm>
        </p:spPr>
        <p:txBody>
          <a:bodyPr anchor="b"/>
          <a:lstStyle>
            <a:lvl1pPr algn="l">
              <a:defRPr sz="48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5999" y="2401200"/>
            <a:ext cx="10825201" cy="352001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48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text</a:t>
            </a:r>
          </a:p>
        </p:txBody>
      </p:sp>
      <p:pic>
        <p:nvPicPr>
          <p:cNvPr id="9" name="image" descr="{&quot;templafy&quot;:{&quot;width&quot;:&quot;7.91 cm&quot;,&quot;height&quot;:&quot;2.0 cm&quot;,&quot;binding&quot;:&quot;Form.Brand.LogoNeg&quot;,&quot;type&quot;:&quot;image&quot;}}" title="Form.Brand.LogoNeg">
            <a:extLst>
              <a:ext uri="{FF2B5EF4-FFF2-40B4-BE49-F238E27FC236}">
                <a16:creationId xmlns:a16="http://schemas.microsoft.com/office/drawing/2014/main" id="{A6EC723F-6CD7-6741-94A3-6B1BE39EA51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9A9F53A3-ECC1-1B42-9EC7-D2A854EAF3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Pladsholder til dato 2" hidden="1">
            <a:extLst>
              <a:ext uri="{FF2B5EF4-FFF2-40B4-BE49-F238E27FC236}">
                <a16:creationId xmlns:a16="http://schemas.microsoft.com/office/drawing/2014/main" id="{7D687966-7062-4F7D-99BE-1B8C081E62A7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667933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slide with imag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02F30EB2-FF4B-4AAB-B4B9-7795C952A62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	</a:t>
            </a:r>
          </a:p>
          <a:p>
            <a:pPr marL="0" marR="0" lvl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	Insert image from Image bank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6000" y="612000"/>
            <a:ext cx="10825200" cy="4245750"/>
          </a:xfrm>
        </p:spPr>
        <p:txBody>
          <a:bodyPr anchor="b"/>
          <a:lstStyle>
            <a:lvl1pPr algn="l">
              <a:defRPr sz="48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3ECC6019-7F1E-BC49-B14E-3041420E1A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Pladsholder til dato 2" hidden="1">
            <a:extLst>
              <a:ext uri="{FF2B5EF4-FFF2-40B4-BE49-F238E27FC236}">
                <a16:creationId xmlns:a16="http://schemas.microsoft.com/office/drawing/2014/main" id="{9EAF2E81-9800-4F8A-8891-191C2B7B85A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06959DA9-79C8-471E-AD7C-9A5642C6A787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9731375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4893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00000" y="1941513"/>
            <a:ext cx="10824120" cy="1487487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CB636D4-8974-4CB9-8BD0-25A2377A4C7F}"/>
              </a:ext>
            </a:extLst>
          </p:cNvPr>
          <p:cNvSpPr txBox="1"/>
          <p:nvPr userDrawn="1"/>
        </p:nvSpPr>
        <p:spPr>
          <a:xfrm>
            <a:off x="910800" y="5959454"/>
            <a:ext cx="44249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800" kern="1000" spc="20" dirty="0">
                <a:solidFill>
                  <a:schemeClr val="bg1"/>
                </a:solidFill>
              </a:rPr>
              <a:t>Follow us on:</a:t>
            </a:r>
          </a:p>
        </p:txBody>
      </p:sp>
      <p:pic>
        <p:nvPicPr>
          <p:cNvPr id="4" name="image" descr="{&quot;templafy&quot;:{&quot;width&quot;:&quot;7.91 cm&quot;,&quot;height&quot;:&quot;2.0 cm&quot;,&quot;binding&quot;:&quot;Form.Brand.LogoNeg&quot;,&quot;type&quot;:&quot;image&quot;}}" title="Form.Brand.LogoNeg">
            <a:extLst>
              <a:ext uri="{FF2B5EF4-FFF2-40B4-BE49-F238E27FC236}">
                <a16:creationId xmlns:a16="http://schemas.microsoft.com/office/drawing/2014/main" id="{DE821424-491A-4DF8-8030-A1F35C46C7A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5" name="text" descr="{&quot;templafy&quot;:{&quot;binding&quot;:&quot;UserProfile.Name&quot;,&quot;type&quot;:&quot;text&quot;}}" title="UserProfile.Name">
            <a:extLst>
              <a:ext uri="{FF2B5EF4-FFF2-40B4-BE49-F238E27FC236}">
                <a16:creationId xmlns:a16="http://schemas.microsoft.com/office/drawing/2014/main" id="{89F3C365-36B6-401F-ABD2-E32812A91C89}"/>
              </a:ext>
            </a:extLst>
          </p:cNvPr>
          <p:cNvSpPr/>
          <p:nvPr userDrawn="1"/>
        </p:nvSpPr>
        <p:spPr>
          <a:xfrm>
            <a:off x="908288" y="4480097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7" name="text" descr="{&quot;templafy&quot;:{&quot;type&quot;:&quot;text&quot;,&quot;binding&quot;:&quot;UserProfile.Title&quot;}}" title="UserProfile.Title">
            <a:extLst>
              <a:ext uri="{FF2B5EF4-FFF2-40B4-BE49-F238E27FC236}">
                <a16:creationId xmlns:a16="http://schemas.microsoft.com/office/drawing/2014/main" id="{2305872E-BC0A-4930-8596-D3D39DD7C344}"/>
              </a:ext>
            </a:extLst>
          </p:cNvPr>
          <p:cNvSpPr/>
          <p:nvPr userDrawn="1"/>
        </p:nvSpPr>
        <p:spPr>
          <a:xfrm>
            <a:off x="908288" y="4720072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13" name="text" descr="{&quot;templafy&quot;:{&quot;type&quot;:&quot;text&quot;,&quot;binding&quot;:&quot;UserProfile.Email&quot;}}" title="UserProfile.Email">
            <a:extLst>
              <a:ext uri="{FF2B5EF4-FFF2-40B4-BE49-F238E27FC236}">
                <a16:creationId xmlns:a16="http://schemas.microsoft.com/office/drawing/2014/main" id="{F4F7CB11-3C01-4335-B347-8E91727FD222}"/>
              </a:ext>
            </a:extLst>
          </p:cNvPr>
          <p:cNvSpPr/>
          <p:nvPr userDrawn="1"/>
        </p:nvSpPr>
        <p:spPr>
          <a:xfrm>
            <a:off x="908288" y="4966589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14" name="text" descr="{&quot;templafy&quot;:{&quot;type&quot;:&quot;text&quot;,&quot;binding&quot;:&quot;UserProfile.DirectPhone&quot;}}" title="UserProfile.DirectPhone">
            <a:extLst>
              <a:ext uri="{FF2B5EF4-FFF2-40B4-BE49-F238E27FC236}">
                <a16:creationId xmlns:a16="http://schemas.microsoft.com/office/drawing/2014/main" id="{F2F36A71-0A41-412C-BCD1-FB8EAF48705B}"/>
              </a:ext>
            </a:extLst>
          </p:cNvPr>
          <p:cNvSpPr/>
          <p:nvPr userDrawn="1"/>
        </p:nvSpPr>
        <p:spPr>
          <a:xfrm>
            <a:off x="908288" y="5210031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15" name="text" descr="{&quot;templafy&quot;:{&quot;type&quot;:&quot;text&quot;,&quot;binding&quot;:&quot;UserProfile.Office.Web&quot;}}" title="UserProfile.Office.Web">
            <a:extLst>
              <a:ext uri="{FF2B5EF4-FFF2-40B4-BE49-F238E27FC236}">
                <a16:creationId xmlns:a16="http://schemas.microsoft.com/office/drawing/2014/main" id="{56A5606D-C73E-4FC4-9D55-5BB454394527}"/>
              </a:ext>
            </a:extLst>
          </p:cNvPr>
          <p:cNvSpPr/>
          <p:nvPr userDrawn="1"/>
        </p:nvSpPr>
        <p:spPr>
          <a:xfrm>
            <a:off x="908288" y="5452325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23" name="Pladsholder til dato 2" hidden="1">
            <a:extLst>
              <a:ext uri="{FF2B5EF4-FFF2-40B4-BE49-F238E27FC236}">
                <a16:creationId xmlns:a16="http://schemas.microsoft.com/office/drawing/2014/main" id="{70FE5E7F-DC28-4B69-B409-5C617D2DDC0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4D8DA84-535A-4BE0-A605-1898160E66B2}" type="datetime3">
              <a:rPr lang="da-DK" smtClean="0"/>
              <a:t>06.04.2022</a:t>
            </a:fld>
            <a:endParaRPr lang="en-GB" dirty="0"/>
          </a:p>
        </p:txBody>
      </p:sp>
      <p:sp>
        <p:nvSpPr>
          <p:cNvPr id="27" name="Pladsholder til sidefod 3" hidden="1">
            <a:extLst>
              <a:ext uri="{FF2B5EF4-FFF2-40B4-BE49-F238E27FC236}">
                <a16:creationId xmlns:a16="http://schemas.microsoft.com/office/drawing/2014/main" id="{0AA83C94-6F85-4EE4-9188-017B76F737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8" name="Pladsholder til slidenummer 4" hidden="1">
            <a:extLst>
              <a:ext uri="{FF2B5EF4-FFF2-40B4-BE49-F238E27FC236}">
                <a16:creationId xmlns:a16="http://schemas.microsoft.com/office/drawing/2014/main" id="{23C4C041-43E3-4AFB-8760-58E4B14E93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305D85D4-2A8C-1C42-A58E-E7A37B3CC753}"/>
              </a:ext>
            </a:extLst>
          </p:cNvPr>
          <p:cNvGrpSpPr/>
          <p:nvPr userDrawn="1"/>
        </p:nvGrpSpPr>
        <p:grpSpPr>
          <a:xfrm>
            <a:off x="908009" y="6184983"/>
            <a:ext cx="279400" cy="279400"/>
            <a:chOff x="908009" y="6488161"/>
            <a:chExt cx="279400" cy="279400"/>
          </a:xfrm>
        </p:grpSpPr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4A25FA8D-F3BB-114E-A7C9-B8281843334C}"/>
                </a:ext>
              </a:extLst>
            </p:cNvPr>
            <p:cNvSpPr/>
            <p:nvPr userDrawn="1"/>
          </p:nvSpPr>
          <p:spPr>
            <a:xfrm>
              <a:off x="916662" y="649681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31" name="Graphic 30">
              <a:extLst>
                <a:ext uri="{FF2B5EF4-FFF2-40B4-BE49-F238E27FC236}">
                  <a16:creationId xmlns:a16="http://schemas.microsoft.com/office/drawing/2014/main" id="{9586F5F0-3F6F-AB43-8987-3A134DE025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/>
            <a:stretch/>
          </p:blipFill>
          <p:spPr>
            <a:xfrm>
              <a:off x="908009" y="6488161"/>
              <a:ext cx="279400" cy="279400"/>
            </a:xfrm>
            <a:prstGeom prst="rect">
              <a:avLst/>
            </a:prstGeom>
          </p:spPr>
        </p:pic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708177A5-C76B-4F41-AA04-43C9EB180210}"/>
              </a:ext>
            </a:extLst>
          </p:cNvPr>
          <p:cNvGrpSpPr/>
          <p:nvPr userDrawn="1"/>
        </p:nvGrpSpPr>
        <p:grpSpPr>
          <a:xfrm>
            <a:off x="1299197" y="6184983"/>
            <a:ext cx="279400" cy="279400"/>
            <a:chOff x="1294307" y="6502831"/>
            <a:chExt cx="279400" cy="279400"/>
          </a:xfrm>
        </p:grpSpPr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1A2B37F4-B8BA-0042-BFD9-D5C63DD199FC}"/>
                </a:ext>
              </a:extLst>
            </p:cNvPr>
            <p:cNvSpPr/>
            <p:nvPr userDrawn="1"/>
          </p:nvSpPr>
          <p:spPr>
            <a:xfrm>
              <a:off x="1302960" y="651148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34" name="Graphic 33">
              <a:extLst>
                <a:ext uri="{FF2B5EF4-FFF2-40B4-BE49-F238E27FC236}">
                  <a16:creationId xmlns:a16="http://schemas.microsoft.com/office/drawing/2014/main" id="{1D66BFC1-53B8-C140-B209-8A03FD0C906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/>
          </p:blipFill>
          <p:spPr>
            <a:xfrm>
              <a:off x="1294307" y="6502831"/>
              <a:ext cx="279400" cy="279400"/>
            </a:xfrm>
            <a:prstGeom prst="rect">
              <a:avLst/>
            </a:prstGeom>
          </p:spPr>
        </p:pic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066D5293-6C1D-8B4A-8A03-63404F816DE5}"/>
              </a:ext>
            </a:extLst>
          </p:cNvPr>
          <p:cNvGrpSpPr/>
          <p:nvPr userDrawn="1"/>
        </p:nvGrpSpPr>
        <p:grpSpPr>
          <a:xfrm>
            <a:off x="1690384" y="6184983"/>
            <a:ext cx="279400" cy="279400"/>
            <a:chOff x="1670824" y="6507721"/>
            <a:chExt cx="279400" cy="279400"/>
          </a:xfrm>
        </p:grpSpPr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18F396A8-CA74-2545-A9E1-5C807C608FE0}"/>
                </a:ext>
              </a:extLst>
            </p:cNvPr>
            <p:cNvSpPr/>
            <p:nvPr userDrawn="1"/>
          </p:nvSpPr>
          <p:spPr>
            <a:xfrm>
              <a:off x="1679477" y="651637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37" name="Graphic 36">
              <a:extLst>
                <a:ext uri="{FF2B5EF4-FFF2-40B4-BE49-F238E27FC236}">
                  <a16:creationId xmlns:a16="http://schemas.microsoft.com/office/drawing/2014/main" id="{1718994A-0C46-0A4F-871C-96213BDA9AD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1670824" y="6507721"/>
              <a:ext cx="279400" cy="2794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02367278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10800" y="1941513"/>
            <a:ext cx="10824120" cy="887500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25" name="Action Button: Blank 24">
            <a:hlinkClick r:id="rId2" highlightClick="1"/>
            <a:extLst>
              <a:ext uri="{FF2B5EF4-FFF2-40B4-BE49-F238E27FC236}">
                <a16:creationId xmlns:a16="http://schemas.microsoft.com/office/drawing/2014/main" id="{960F71EB-D474-49A0-9A6B-AEC0D9849839}"/>
              </a:ext>
            </a:extLst>
          </p:cNvPr>
          <p:cNvSpPr/>
          <p:nvPr userDrawn="1"/>
        </p:nvSpPr>
        <p:spPr>
          <a:xfrm>
            <a:off x="1260354" y="6088258"/>
            <a:ext cx="303177" cy="324065"/>
          </a:xfrm>
          <a:prstGeom prst="actionButtonBlank">
            <a:avLst/>
          </a:prstGeom>
          <a:solidFill>
            <a:schemeClr val="accent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6" name="Action Button: Blank 25">
            <a:hlinkClick r:id="rId3" highlightClick="1"/>
            <a:extLst>
              <a:ext uri="{FF2B5EF4-FFF2-40B4-BE49-F238E27FC236}">
                <a16:creationId xmlns:a16="http://schemas.microsoft.com/office/drawing/2014/main" id="{4B5604D4-9908-4879-AC86-2C0B4726B757}"/>
              </a:ext>
            </a:extLst>
          </p:cNvPr>
          <p:cNvSpPr/>
          <p:nvPr userDrawn="1"/>
        </p:nvSpPr>
        <p:spPr>
          <a:xfrm>
            <a:off x="1651905" y="6067370"/>
            <a:ext cx="303177" cy="324065"/>
          </a:xfrm>
          <a:prstGeom prst="actionButtonBlank">
            <a:avLst/>
          </a:prstGeom>
          <a:solidFill>
            <a:schemeClr val="accent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41A7B113-6E22-4670-8DEF-9C2273DC1C72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910800" y="3285547"/>
            <a:ext cx="1080000" cy="1080000"/>
          </a:xfrm>
          <a:prstGeom prst="ellipse">
            <a:avLst/>
          </a:prstGeom>
          <a:solidFill>
            <a:schemeClr val="bg1"/>
          </a:solidFill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GB" dirty="0"/>
              <a:t>Portrait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BBB4510-0BD0-6849-85D3-DCDEC91797A8}"/>
              </a:ext>
            </a:extLst>
          </p:cNvPr>
          <p:cNvSpPr txBox="1"/>
          <p:nvPr userDrawn="1"/>
        </p:nvSpPr>
        <p:spPr>
          <a:xfrm>
            <a:off x="910800" y="5959454"/>
            <a:ext cx="44249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800" kern="1000" spc="20" dirty="0">
                <a:solidFill>
                  <a:schemeClr val="bg1"/>
                </a:solidFill>
              </a:rPr>
              <a:t>Follow us on:</a:t>
            </a:r>
          </a:p>
        </p:txBody>
      </p:sp>
      <p:pic>
        <p:nvPicPr>
          <p:cNvPr id="3" name="image" descr="{&quot;templafy&quot;:{&quot;width&quot;:&quot;7.91 cm&quot;,&quot;height&quot;:&quot;2.0 cm&quot;,&quot;binding&quot;:&quot;Form.Brand.LogoNeg&quot;,&quot;type&quot;:&quot;image&quot;}}" title="Form.Brand.LogoNeg">
            <a:extLst>
              <a:ext uri="{FF2B5EF4-FFF2-40B4-BE49-F238E27FC236}">
                <a16:creationId xmlns:a16="http://schemas.microsoft.com/office/drawing/2014/main" id="{1773AD5C-8A35-4086-ADAF-FB3D6ED62D2A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5" name="text" descr="{&quot;templafy&quot;:{&quot;binding&quot;:&quot;UserProfile.Name&quot;,&quot;type&quot;:&quot;text&quot;}}" title="UserProfile.Name">
            <a:extLst>
              <a:ext uri="{FF2B5EF4-FFF2-40B4-BE49-F238E27FC236}">
                <a16:creationId xmlns:a16="http://schemas.microsoft.com/office/drawing/2014/main" id="{79236885-8B45-42B0-A6CF-F76A749A193D}"/>
              </a:ext>
            </a:extLst>
          </p:cNvPr>
          <p:cNvSpPr/>
          <p:nvPr userDrawn="1"/>
        </p:nvSpPr>
        <p:spPr>
          <a:xfrm>
            <a:off x="908288" y="4480097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6" name="text" descr="{&quot;templafy&quot;:{&quot;type&quot;:&quot;text&quot;,&quot;binding&quot;:&quot;UserProfile.Title&quot;}}" title="UserProfile.Title">
            <a:extLst>
              <a:ext uri="{FF2B5EF4-FFF2-40B4-BE49-F238E27FC236}">
                <a16:creationId xmlns:a16="http://schemas.microsoft.com/office/drawing/2014/main" id="{E3B4BD6F-7690-4A47-95D5-486B885C0BD5}"/>
              </a:ext>
            </a:extLst>
          </p:cNvPr>
          <p:cNvSpPr/>
          <p:nvPr userDrawn="1"/>
        </p:nvSpPr>
        <p:spPr>
          <a:xfrm>
            <a:off x="908288" y="4720072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7" name="text" descr="{&quot;templafy&quot;:{&quot;type&quot;:&quot;text&quot;,&quot;binding&quot;:&quot;UserProfile.Email&quot;}}" title="UserProfile.Email">
            <a:extLst>
              <a:ext uri="{FF2B5EF4-FFF2-40B4-BE49-F238E27FC236}">
                <a16:creationId xmlns:a16="http://schemas.microsoft.com/office/drawing/2014/main" id="{9379F6CE-0CBC-47F9-AB48-1A81650E9182}"/>
              </a:ext>
            </a:extLst>
          </p:cNvPr>
          <p:cNvSpPr/>
          <p:nvPr userDrawn="1"/>
        </p:nvSpPr>
        <p:spPr>
          <a:xfrm>
            <a:off x="908288" y="4966589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8" name="text" descr="{&quot;templafy&quot;:{&quot;type&quot;:&quot;text&quot;,&quot;binding&quot;:&quot;UserProfile.DirectPhone&quot;}}" title="UserProfile.DirectPhone">
            <a:extLst>
              <a:ext uri="{FF2B5EF4-FFF2-40B4-BE49-F238E27FC236}">
                <a16:creationId xmlns:a16="http://schemas.microsoft.com/office/drawing/2014/main" id="{1A38AFB1-234F-4AAD-903D-7C03A2C162B7}"/>
              </a:ext>
            </a:extLst>
          </p:cNvPr>
          <p:cNvSpPr/>
          <p:nvPr userDrawn="1"/>
        </p:nvSpPr>
        <p:spPr>
          <a:xfrm>
            <a:off x="908288" y="5210031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9" name="text" descr="{&quot;templafy&quot;:{&quot;type&quot;:&quot;text&quot;,&quot;binding&quot;:&quot;UserProfile.Office.Web&quot;}}" title="UserProfile.Office.Web">
            <a:extLst>
              <a:ext uri="{FF2B5EF4-FFF2-40B4-BE49-F238E27FC236}">
                <a16:creationId xmlns:a16="http://schemas.microsoft.com/office/drawing/2014/main" id="{3E37548A-B8EE-4B17-BA45-041E3C2FF399}"/>
              </a:ext>
            </a:extLst>
          </p:cNvPr>
          <p:cNvSpPr/>
          <p:nvPr userDrawn="1"/>
        </p:nvSpPr>
        <p:spPr>
          <a:xfrm>
            <a:off x="908288" y="5452325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40" name="Pladsholder til dato 2" hidden="1">
            <a:extLst>
              <a:ext uri="{FF2B5EF4-FFF2-40B4-BE49-F238E27FC236}">
                <a16:creationId xmlns:a16="http://schemas.microsoft.com/office/drawing/2014/main" id="{6B113AFF-7364-4362-9C0F-0C0D667C76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7A011FC-C82F-4A67-BD24-74FED2A8EBB9}" type="datetime3">
              <a:rPr lang="da-DK" smtClean="0"/>
              <a:t>06.04.2022</a:t>
            </a:fld>
            <a:endParaRPr lang="en-GB" dirty="0"/>
          </a:p>
        </p:txBody>
      </p:sp>
      <p:sp>
        <p:nvSpPr>
          <p:cNvPr id="41" name="Pladsholder til sidefod 3" hidden="1">
            <a:extLst>
              <a:ext uri="{FF2B5EF4-FFF2-40B4-BE49-F238E27FC236}">
                <a16:creationId xmlns:a16="http://schemas.microsoft.com/office/drawing/2014/main" id="{7E5FB425-5D6E-412B-A1B2-52E433718D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2" name="Pladsholder til slidenummer 4" hidden="1">
            <a:extLst>
              <a:ext uri="{FF2B5EF4-FFF2-40B4-BE49-F238E27FC236}">
                <a16:creationId xmlns:a16="http://schemas.microsoft.com/office/drawing/2014/main" id="{98958E8C-1E04-4735-BAE7-50BE81A55A60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59EEEF48-F3D8-4947-A5F5-AEF5D7EF72C3}"/>
              </a:ext>
            </a:extLst>
          </p:cNvPr>
          <p:cNvGrpSpPr/>
          <p:nvPr userDrawn="1"/>
        </p:nvGrpSpPr>
        <p:grpSpPr>
          <a:xfrm>
            <a:off x="908009" y="6184983"/>
            <a:ext cx="279400" cy="279400"/>
            <a:chOff x="908009" y="6488161"/>
            <a:chExt cx="279400" cy="279400"/>
          </a:xfrm>
        </p:grpSpPr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1A10DECF-C6B8-2D46-A87C-E4EB9AF02668}"/>
                </a:ext>
              </a:extLst>
            </p:cNvPr>
            <p:cNvSpPr/>
            <p:nvPr userDrawn="1"/>
          </p:nvSpPr>
          <p:spPr>
            <a:xfrm>
              <a:off x="916662" y="649681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45" name="Graphic 44">
              <a:extLst>
                <a:ext uri="{FF2B5EF4-FFF2-40B4-BE49-F238E27FC236}">
                  <a16:creationId xmlns:a16="http://schemas.microsoft.com/office/drawing/2014/main" id="{2051943D-ACC6-EF47-B6D3-93ACA062F18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/>
          </p:blipFill>
          <p:spPr>
            <a:xfrm>
              <a:off x="908009" y="6488161"/>
              <a:ext cx="279400" cy="279400"/>
            </a:xfrm>
            <a:prstGeom prst="rect">
              <a:avLst/>
            </a:prstGeom>
          </p:spPr>
        </p:pic>
      </p:grpSp>
      <p:grpSp>
        <p:nvGrpSpPr>
          <p:cNvPr id="46" name="Group 45">
            <a:extLst>
              <a:ext uri="{FF2B5EF4-FFF2-40B4-BE49-F238E27FC236}">
                <a16:creationId xmlns:a16="http://schemas.microsoft.com/office/drawing/2014/main" id="{D7DCD34A-D852-DA49-AF63-8397BE2F7D49}"/>
              </a:ext>
            </a:extLst>
          </p:cNvPr>
          <p:cNvGrpSpPr/>
          <p:nvPr userDrawn="1"/>
        </p:nvGrpSpPr>
        <p:grpSpPr>
          <a:xfrm>
            <a:off x="1299197" y="6184983"/>
            <a:ext cx="279400" cy="279400"/>
            <a:chOff x="1294307" y="6502831"/>
            <a:chExt cx="279400" cy="279400"/>
          </a:xfrm>
        </p:grpSpPr>
        <p:sp>
          <p:nvSpPr>
            <p:cNvPr id="47" name="Oval 46">
              <a:extLst>
                <a:ext uri="{FF2B5EF4-FFF2-40B4-BE49-F238E27FC236}">
                  <a16:creationId xmlns:a16="http://schemas.microsoft.com/office/drawing/2014/main" id="{F12339F2-D265-364A-A3D7-4F0477D504DA}"/>
                </a:ext>
              </a:extLst>
            </p:cNvPr>
            <p:cNvSpPr/>
            <p:nvPr userDrawn="1"/>
          </p:nvSpPr>
          <p:spPr>
            <a:xfrm>
              <a:off x="1302960" y="651148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48" name="Graphic 47">
              <a:extLst>
                <a:ext uri="{FF2B5EF4-FFF2-40B4-BE49-F238E27FC236}">
                  <a16:creationId xmlns:a16="http://schemas.microsoft.com/office/drawing/2014/main" id="{DBB81FE9-51E0-754D-B0FE-AB1349CEC0A3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1294307" y="6502831"/>
              <a:ext cx="279400" cy="279400"/>
            </a:xfrm>
            <a:prstGeom prst="rect">
              <a:avLst/>
            </a:prstGeom>
          </p:spPr>
        </p:pic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C6E43C89-FC83-EC44-8715-4B3A6C19AEC3}"/>
              </a:ext>
            </a:extLst>
          </p:cNvPr>
          <p:cNvGrpSpPr/>
          <p:nvPr userDrawn="1"/>
        </p:nvGrpSpPr>
        <p:grpSpPr>
          <a:xfrm>
            <a:off x="1690384" y="6184983"/>
            <a:ext cx="279400" cy="279400"/>
            <a:chOff x="1670824" y="6507721"/>
            <a:chExt cx="279400" cy="279400"/>
          </a:xfrm>
        </p:grpSpPr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7A92A1CD-48A8-B94F-9BFB-1D4EAFF285CA}"/>
                </a:ext>
              </a:extLst>
            </p:cNvPr>
            <p:cNvSpPr/>
            <p:nvPr userDrawn="1"/>
          </p:nvSpPr>
          <p:spPr>
            <a:xfrm>
              <a:off x="1679477" y="651637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51" name="Graphic 50">
              <a:extLst>
                <a:ext uri="{FF2B5EF4-FFF2-40B4-BE49-F238E27FC236}">
                  <a16:creationId xmlns:a16="http://schemas.microsoft.com/office/drawing/2014/main" id="{2B52DC67-EC15-2043-9768-258565A48AC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rcRect/>
            <a:stretch/>
          </p:blipFill>
          <p:spPr>
            <a:xfrm>
              <a:off x="1670824" y="6507721"/>
              <a:ext cx="279400" cy="2794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64647229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6" name="Action Button: Blank 25">
            <a:hlinkClick r:id="rId2" highlightClick="1"/>
            <a:extLst>
              <a:ext uri="{FF2B5EF4-FFF2-40B4-BE49-F238E27FC236}">
                <a16:creationId xmlns:a16="http://schemas.microsoft.com/office/drawing/2014/main" id="{4B5604D4-9908-4879-AC86-2C0B4726B757}"/>
              </a:ext>
            </a:extLst>
          </p:cNvPr>
          <p:cNvSpPr/>
          <p:nvPr userDrawn="1"/>
        </p:nvSpPr>
        <p:spPr>
          <a:xfrm>
            <a:off x="1651905" y="6067370"/>
            <a:ext cx="303177" cy="324065"/>
          </a:xfrm>
          <a:prstGeom prst="actionButtonBlank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10800" y="1941513"/>
            <a:ext cx="10824120" cy="1487487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CB636D4-8974-4CB9-8BD0-25A2377A4C7F}"/>
              </a:ext>
            </a:extLst>
          </p:cNvPr>
          <p:cNvSpPr txBox="1"/>
          <p:nvPr userDrawn="1"/>
        </p:nvSpPr>
        <p:spPr>
          <a:xfrm>
            <a:off x="910800" y="5953912"/>
            <a:ext cx="44249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800" kern="1000" spc="20" dirty="0">
                <a:solidFill>
                  <a:schemeClr val="bg1"/>
                </a:solidFill>
              </a:rPr>
              <a:t>Follow us on:</a:t>
            </a:r>
          </a:p>
        </p:txBody>
      </p:sp>
      <p:pic>
        <p:nvPicPr>
          <p:cNvPr id="4" name="image" descr="{&quot;templafy&quot;:{&quot;width&quot;:&quot;7.91 cm&quot;,&quot;height&quot;:&quot;2.0 cm&quot;,&quot;binding&quot;:&quot;Form.Brand.LogoNeg&quot;,&quot;type&quot;:&quot;image&quot;}}" title="Form.Brand.LogoNeg">
            <a:extLst>
              <a:ext uri="{FF2B5EF4-FFF2-40B4-BE49-F238E27FC236}">
                <a16:creationId xmlns:a16="http://schemas.microsoft.com/office/drawing/2014/main" id="{F0888AE4-371C-4B74-8FBA-B5CE0205ABD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7" name="text" descr="{&quot;templafy&quot;:{&quot;binding&quot;:&quot;UserProfile.Name&quot;,&quot;type&quot;:&quot;text&quot;}}" title="UserProfile.Name">
            <a:extLst>
              <a:ext uri="{FF2B5EF4-FFF2-40B4-BE49-F238E27FC236}">
                <a16:creationId xmlns:a16="http://schemas.microsoft.com/office/drawing/2014/main" id="{8AFABF58-3C14-4F87-AC00-C1923E845D2B}"/>
              </a:ext>
            </a:extLst>
          </p:cNvPr>
          <p:cNvSpPr/>
          <p:nvPr userDrawn="1"/>
        </p:nvSpPr>
        <p:spPr>
          <a:xfrm>
            <a:off x="908288" y="4480097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8" name="text" descr="{&quot;templafy&quot;:{&quot;type&quot;:&quot;text&quot;,&quot;binding&quot;:&quot;UserProfile.Title&quot;}}" title="UserProfile.Title">
            <a:extLst>
              <a:ext uri="{FF2B5EF4-FFF2-40B4-BE49-F238E27FC236}">
                <a16:creationId xmlns:a16="http://schemas.microsoft.com/office/drawing/2014/main" id="{8DEB4004-1607-426C-AFC4-5C3A766FA7CE}"/>
              </a:ext>
            </a:extLst>
          </p:cNvPr>
          <p:cNvSpPr/>
          <p:nvPr userDrawn="1"/>
        </p:nvSpPr>
        <p:spPr>
          <a:xfrm>
            <a:off x="908288" y="4720072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13" name="text" descr="{&quot;templafy&quot;:{&quot;type&quot;:&quot;text&quot;,&quot;binding&quot;:&quot;UserProfile.Email&quot;}}" title="UserProfile.Email">
            <a:extLst>
              <a:ext uri="{FF2B5EF4-FFF2-40B4-BE49-F238E27FC236}">
                <a16:creationId xmlns:a16="http://schemas.microsoft.com/office/drawing/2014/main" id="{F3B7DE67-79CE-423F-ADFC-9036283A2477}"/>
              </a:ext>
            </a:extLst>
          </p:cNvPr>
          <p:cNvSpPr/>
          <p:nvPr userDrawn="1"/>
        </p:nvSpPr>
        <p:spPr>
          <a:xfrm>
            <a:off x="908288" y="4966589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14" name="text" descr="{&quot;templafy&quot;:{&quot;type&quot;:&quot;text&quot;,&quot;binding&quot;:&quot;UserProfile.DirectPhone&quot;}}" title="UserProfile.DirectPhone">
            <a:extLst>
              <a:ext uri="{FF2B5EF4-FFF2-40B4-BE49-F238E27FC236}">
                <a16:creationId xmlns:a16="http://schemas.microsoft.com/office/drawing/2014/main" id="{CD7B009B-B22F-4A0C-8539-7B850D17A13E}"/>
              </a:ext>
            </a:extLst>
          </p:cNvPr>
          <p:cNvSpPr/>
          <p:nvPr userDrawn="1"/>
        </p:nvSpPr>
        <p:spPr>
          <a:xfrm>
            <a:off x="908288" y="5210031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type&quot;:&quot;text&quot;,&quot;binding&quot;:&quot;UserProfile.Office.Web&quot;}}" title="UserProfile.Office.Web">
            <a:extLst>
              <a:ext uri="{FF2B5EF4-FFF2-40B4-BE49-F238E27FC236}">
                <a16:creationId xmlns:a16="http://schemas.microsoft.com/office/drawing/2014/main" id="{229EE6B4-E732-430E-AC3F-0BB2AC818FC4}"/>
              </a:ext>
            </a:extLst>
          </p:cNvPr>
          <p:cNvSpPr/>
          <p:nvPr userDrawn="1"/>
        </p:nvSpPr>
        <p:spPr>
          <a:xfrm>
            <a:off x="908288" y="5452325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endParaRPr lang="en-GB" sz="1600" noProof="0" dirty="0">
              <a:solidFill>
                <a:schemeClr val="bg1"/>
              </a:solidFill>
            </a:endParaRPr>
          </a:p>
        </p:txBody>
      </p:sp>
      <p:sp>
        <p:nvSpPr>
          <p:cNvPr id="21" name="Pladsholder til dato 2" hidden="1">
            <a:extLst>
              <a:ext uri="{FF2B5EF4-FFF2-40B4-BE49-F238E27FC236}">
                <a16:creationId xmlns:a16="http://schemas.microsoft.com/office/drawing/2014/main" id="{277BC74F-25FC-460F-BDB3-FCC2827317A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BA881305-5FCE-4C35-A8BF-C081B2A64E6F}" type="datetime3">
              <a:rPr lang="da-DK" smtClean="0"/>
              <a:t>06.04.2022</a:t>
            </a:fld>
            <a:endParaRPr lang="en-GB" dirty="0"/>
          </a:p>
        </p:txBody>
      </p:sp>
      <p:sp>
        <p:nvSpPr>
          <p:cNvPr id="22" name="Pladsholder til sidefod 3" hidden="1">
            <a:extLst>
              <a:ext uri="{FF2B5EF4-FFF2-40B4-BE49-F238E27FC236}">
                <a16:creationId xmlns:a16="http://schemas.microsoft.com/office/drawing/2014/main" id="{F044345F-DA2C-46E7-8E30-20553EF468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3" name="Pladsholder til slidenummer 4" hidden="1">
            <a:extLst>
              <a:ext uri="{FF2B5EF4-FFF2-40B4-BE49-F238E27FC236}">
                <a16:creationId xmlns:a16="http://schemas.microsoft.com/office/drawing/2014/main" id="{AB286539-8E0E-44A4-B9EC-865C716A54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0642D368-0318-7047-9582-EAB0A47DE18E}"/>
              </a:ext>
            </a:extLst>
          </p:cNvPr>
          <p:cNvGrpSpPr/>
          <p:nvPr userDrawn="1"/>
        </p:nvGrpSpPr>
        <p:grpSpPr>
          <a:xfrm>
            <a:off x="908009" y="6184983"/>
            <a:ext cx="279400" cy="279400"/>
            <a:chOff x="908009" y="6184983"/>
            <a:chExt cx="279400" cy="279400"/>
          </a:xfrm>
        </p:grpSpPr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1EB7B9FB-2291-D04B-9488-A1FD1596F172}"/>
                </a:ext>
              </a:extLst>
            </p:cNvPr>
            <p:cNvSpPr/>
            <p:nvPr userDrawn="1"/>
          </p:nvSpPr>
          <p:spPr>
            <a:xfrm>
              <a:off x="916662" y="6193636"/>
              <a:ext cx="262095" cy="262095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37" name="Graphic 36">
              <a:extLst>
                <a:ext uri="{FF2B5EF4-FFF2-40B4-BE49-F238E27FC236}">
                  <a16:creationId xmlns:a16="http://schemas.microsoft.com/office/drawing/2014/main" id="{53A49157-EE92-CE45-9CF8-4B0392E4520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rcRect/>
            <a:stretch/>
          </p:blipFill>
          <p:spPr>
            <a:xfrm>
              <a:off x="908009" y="6184983"/>
              <a:ext cx="279400" cy="279400"/>
            </a:xfrm>
            <a:prstGeom prst="rect">
              <a:avLst/>
            </a:prstGeom>
          </p:spPr>
        </p:pic>
      </p:grpSp>
      <p:grpSp>
        <p:nvGrpSpPr>
          <p:cNvPr id="38" name="Group 37">
            <a:extLst>
              <a:ext uri="{FF2B5EF4-FFF2-40B4-BE49-F238E27FC236}">
                <a16:creationId xmlns:a16="http://schemas.microsoft.com/office/drawing/2014/main" id="{E2FDF43C-1BC1-6B45-9B5B-E35BB11A36E9}"/>
              </a:ext>
            </a:extLst>
          </p:cNvPr>
          <p:cNvGrpSpPr/>
          <p:nvPr userDrawn="1"/>
        </p:nvGrpSpPr>
        <p:grpSpPr>
          <a:xfrm>
            <a:off x="1299197" y="6184983"/>
            <a:ext cx="279400" cy="279400"/>
            <a:chOff x="1299197" y="6184983"/>
            <a:chExt cx="279400" cy="279400"/>
          </a:xfrm>
        </p:grpSpPr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23E28CD2-2FBC-4F43-A878-E4A8316ADDC3}"/>
                </a:ext>
              </a:extLst>
            </p:cNvPr>
            <p:cNvSpPr/>
            <p:nvPr userDrawn="1"/>
          </p:nvSpPr>
          <p:spPr>
            <a:xfrm>
              <a:off x="1307850" y="6193636"/>
              <a:ext cx="262095" cy="262095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40" name="Graphic 39">
              <a:extLst>
                <a:ext uri="{FF2B5EF4-FFF2-40B4-BE49-F238E27FC236}">
                  <a16:creationId xmlns:a16="http://schemas.microsoft.com/office/drawing/2014/main" id="{4E3D28F2-5126-0D47-A376-A8A3F6CEB5C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rcRect/>
            <a:stretch/>
          </p:blipFill>
          <p:spPr>
            <a:xfrm>
              <a:off x="1299197" y="6184983"/>
              <a:ext cx="279400" cy="279400"/>
            </a:xfrm>
            <a:prstGeom prst="rect">
              <a:avLst/>
            </a:prstGeom>
          </p:spPr>
        </p:pic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F2946AAE-FE11-4140-838E-708A83ABF6B6}"/>
              </a:ext>
            </a:extLst>
          </p:cNvPr>
          <p:cNvGrpSpPr/>
          <p:nvPr userDrawn="1"/>
        </p:nvGrpSpPr>
        <p:grpSpPr>
          <a:xfrm>
            <a:off x="1690384" y="6184983"/>
            <a:ext cx="279400" cy="279400"/>
            <a:chOff x="1690384" y="6184983"/>
            <a:chExt cx="279400" cy="279400"/>
          </a:xfrm>
        </p:grpSpPr>
        <p:sp>
          <p:nvSpPr>
            <p:cNvPr id="42" name="Oval 41">
              <a:extLst>
                <a:ext uri="{FF2B5EF4-FFF2-40B4-BE49-F238E27FC236}">
                  <a16:creationId xmlns:a16="http://schemas.microsoft.com/office/drawing/2014/main" id="{AC6E71FA-9E65-2141-AF50-F2292B996DC9}"/>
                </a:ext>
              </a:extLst>
            </p:cNvPr>
            <p:cNvSpPr/>
            <p:nvPr userDrawn="1"/>
          </p:nvSpPr>
          <p:spPr>
            <a:xfrm>
              <a:off x="1699037" y="6193636"/>
              <a:ext cx="262095" cy="262095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43" name="Graphic 42">
              <a:extLst>
                <a:ext uri="{FF2B5EF4-FFF2-40B4-BE49-F238E27FC236}">
                  <a16:creationId xmlns:a16="http://schemas.microsoft.com/office/drawing/2014/main" id="{EC39ADDC-414D-6D45-B899-E737ACDADDA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rcRect/>
            <a:stretch/>
          </p:blipFill>
          <p:spPr>
            <a:xfrm>
              <a:off x="1690384" y="6184983"/>
              <a:ext cx="279400" cy="2794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11826331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 hidden="1">
            <a:extLst>
              <a:ext uri="{FF2B5EF4-FFF2-40B4-BE49-F238E27FC236}">
                <a16:creationId xmlns:a16="http://schemas.microsoft.com/office/drawing/2014/main" id="{204BEF62-0A0C-428F-9593-4784936349E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E9C75DF-7EEA-4049-A510-CCF39E2BC1DE}" type="datetime3">
              <a:rPr lang="da-DK" smtClean="0"/>
              <a:t>06.04.2022</a:t>
            </a:fld>
            <a:endParaRPr lang="en-GB" dirty="0"/>
          </a:p>
        </p:txBody>
      </p:sp>
      <p:sp>
        <p:nvSpPr>
          <p:cNvPr id="4" name="Pladsholder til sidefod 3" hidden="1">
            <a:extLst>
              <a:ext uri="{FF2B5EF4-FFF2-40B4-BE49-F238E27FC236}">
                <a16:creationId xmlns:a16="http://schemas.microsoft.com/office/drawing/2014/main" id="{5A2DACD1-A298-4D19-866E-68CF70D652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Pladsholder til slidenummer 4" hidden="1">
            <a:extLst>
              <a:ext uri="{FF2B5EF4-FFF2-40B4-BE49-F238E27FC236}">
                <a16:creationId xmlns:a16="http://schemas.microsoft.com/office/drawing/2014/main" id="{84BE3378-177E-45B6-8A07-1A8ABC3BC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79" y="1509623"/>
            <a:ext cx="2786833" cy="38625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BILLEDER</a:t>
            </a:r>
            <a:br>
              <a:rPr lang="en-GB" sz="1600" dirty="0"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lik på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ikonet og 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ter et nyt, kan billedet lægg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254412" y="1769459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725633" y="1520825"/>
            <a:ext cx="2566254" cy="42473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27545" y="1520825"/>
            <a:ext cx="2280360" cy="51244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TYPOGRAFIER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en-GB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en-GB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ulige slides layout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247424" y="3351641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247965" y="2647475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252871" y="4246248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3275050" y="5501394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254412" y="3012188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295913" y="3730552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927545" y="448713"/>
            <a:ext cx="11109321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452921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253845" y="4970376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1251077" y="2075881"/>
            <a:ext cx="440195" cy="5433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772461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58532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000" b="0" i="0" noProof="0" dirty="0">
                <a:solidFill>
                  <a:schemeClr val="bg1"/>
                </a:solidFill>
              </a:rPr>
              <a:t>If you see any </a:t>
            </a:r>
            <a:r>
              <a:rPr lang="en-GB" sz="4000" b="1" i="0" noProof="0" dirty="0">
                <a:solidFill>
                  <a:schemeClr val="bg1"/>
                </a:solidFill>
              </a:rPr>
              <a:t>layouts after this </a:t>
            </a:r>
            <a:r>
              <a:rPr lang="en-GB" sz="4000" b="0" i="0" noProof="0" dirty="0">
                <a:solidFill>
                  <a:schemeClr val="bg1"/>
                </a:solidFill>
              </a:rPr>
              <a:t>one</a:t>
            </a:r>
            <a:r>
              <a:rPr lang="en-GB" sz="4000" b="1" i="0" noProof="0" dirty="0">
                <a:solidFill>
                  <a:schemeClr val="bg1"/>
                </a:solidFill>
              </a:rPr>
              <a:t>,</a:t>
            </a:r>
            <a:br>
              <a:rPr lang="en-GB" sz="4000" b="0" i="0" noProof="0" dirty="0">
                <a:solidFill>
                  <a:schemeClr val="bg1"/>
                </a:solidFill>
              </a:rPr>
            </a:br>
            <a:r>
              <a:rPr lang="en-GB" sz="4000" b="0" i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4000" b="1" i="0" u="none" noProof="0" dirty="0">
                <a:solidFill>
                  <a:schemeClr val="bg1"/>
                </a:solidFill>
              </a:rPr>
              <a:t>are not </a:t>
            </a:r>
            <a:r>
              <a:rPr lang="en-GB" sz="4000" b="0" i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400" b="0" i="0" noProof="0" dirty="0">
                <a:solidFill>
                  <a:schemeClr val="bg1"/>
                </a:solidFill>
              </a:rPr>
            </a:br>
            <a:br>
              <a:rPr lang="en-GB" sz="2400" b="0" i="0" noProof="0" dirty="0">
                <a:solidFill>
                  <a:schemeClr val="bg1"/>
                </a:solidFill>
              </a:rPr>
            </a:br>
            <a:endParaRPr lang="en-GB" sz="2400" b="0" i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3800" b="1" i="0" noProof="0" dirty="0">
                <a:solidFill>
                  <a:schemeClr val="bg1"/>
                </a:solidFill>
              </a:rPr>
              <a:t>Do not use </a:t>
            </a:r>
            <a:endParaRPr lang="en-GB" sz="2400" b="1" i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800" b="0" noProof="0" dirty="0">
                <a:solidFill>
                  <a:schemeClr val="bg1"/>
                </a:solidFill>
              </a:rPr>
            </a:br>
            <a:endParaRPr lang="en-GB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540000" y="6433200"/>
            <a:ext cx="2743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18168B99-ABAC-4D7B-80BC-1EF6C819E4B0}" type="datetime3">
              <a:rPr lang="da-DK" smtClean="0"/>
              <a:t>06.04.2022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Pladsholder til dato 2" hidden="1">
            <a:extLst>
              <a:ext uri="{FF2B5EF4-FFF2-40B4-BE49-F238E27FC236}">
                <a16:creationId xmlns:a16="http://schemas.microsoft.com/office/drawing/2014/main" id="{E67D761B-307E-4CF3-945A-2B88A537E2E4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18" name="Pladsholder til slidenummer 4" hidden="1">
            <a:extLst>
              <a:ext uri="{FF2B5EF4-FFF2-40B4-BE49-F238E27FC236}">
                <a16:creationId xmlns:a16="http://schemas.microsoft.com/office/drawing/2014/main" id="{65F1DDDC-C972-4A54-BB0E-2DF54A13F04D}"/>
              </a:ext>
            </a:extLst>
          </p:cNvPr>
          <p:cNvSpPr txBox="1">
            <a:spLocks/>
          </p:cNvSpPr>
          <p:nvPr userDrawn="1"/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415266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horizonta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date" descr="{&quot;templafy&quot;:{&quot;id&quot;:&quot;c65894fc-28f9-4fdb-bd63-eb766ef63a66&quot;}}" title="Form.Date">
            <a:extLst>
              <a:ext uri="{FF2B5EF4-FFF2-40B4-BE49-F238E27FC236}">
                <a16:creationId xmlns:a16="http://schemas.microsoft.com/office/drawing/2014/main" id="{D07BCD80-7D15-48C4-A782-146F32CE5BD3}"/>
              </a:ext>
            </a:extLst>
          </p:cNvPr>
          <p:cNvSpPr/>
          <p:nvPr userDrawn="1"/>
        </p:nvSpPr>
        <p:spPr>
          <a:xfrm>
            <a:off x="911225" y="6303059"/>
            <a:ext cx="2513013" cy="19780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en-GB" sz="1200" noProof="0" dirty="0">
              <a:solidFill>
                <a:schemeClr val="accent3"/>
              </a:solidFill>
            </a:endParaRPr>
          </a:p>
        </p:txBody>
      </p:sp>
      <p:pic>
        <p:nvPicPr>
          <p:cNvPr id="8" name="image" descr="{&quot;templafy&quot;:{&quot;id&quot;:&quot;542707ba-6f22-4f31-9aac-9f5814e3cdf9&quot;}}" title="Form.Brand.Coverimage">
            <a:extLst>
              <a:ext uri="{FF2B5EF4-FFF2-40B4-BE49-F238E27FC236}">
                <a16:creationId xmlns:a16="http://schemas.microsoft.com/office/drawing/2014/main" id="{DA7B32BF-F9EA-4866-932B-1F0EB613AECF}"/>
              </a:ext>
            </a:extLst>
          </p:cNvPr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23" y="-1"/>
            <a:ext cx="12175753" cy="4122000"/>
          </a:xfrm>
          <a:custGeom>
            <a:avLst/>
            <a:gdLst>
              <a:gd name="connsiteX0" fmla="*/ 0 w 12192000"/>
              <a:gd name="connsiteY0" fmla="*/ 0 h 4123618"/>
              <a:gd name="connsiteX1" fmla="*/ 12192000 w 12192000"/>
              <a:gd name="connsiteY1" fmla="*/ 0 h 4123618"/>
              <a:gd name="connsiteX2" fmla="*/ 12192000 w 12192000"/>
              <a:gd name="connsiteY2" fmla="*/ 4123618 h 4123618"/>
              <a:gd name="connsiteX3" fmla="*/ 122 w 12192000"/>
              <a:gd name="connsiteY3" fmla="*/ 3276601 h 4123618"/>
              <a:gd name="connsiteX4" fmla="*/ 122 w 12192000"/>
              <a:gd name="connsiteY4" fmla="*/ 3280259 h 4123618"/>
              <a:gd name="connsiteX5" fmla="*/ 0 w 12192000"/>
              <a:gd name="connsiteY5" fmla="*/ 3280259 h 41236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2000" h="4123618">
                <a:moveTo>
                  <a:pt x="0" y="0"/>
                </a:moveTo>
                <a:lnTo>
                  <a:pt x="12192000" y="0"/>
                </a:lnTo>
                <a:lnTo>
                  <a:pt x="12192000" y="4123618"/>
                </a:lnTo>
                <a:lnTo>
                  <a:pt x="122" y="3276601"/>
                </a:lnTo>
                <a:lnTo>
                  <a:pt x="122" y="3280259"/>
                </a:lnTo>
                <a:lnTo>
                  <a:pt x="0" y="3280259"/>
                </a:lnTo>
                <a:close/>
              </a:path>
            </a:pathLst>
          </a:custGeom>
        </p:spPr>
      </p:pic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FAE4D028-DA28-4F31-AA6B-0E356454B97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-2"/>
            <a:ext cx="12193200" cy="4132800"/>
          </a:xfrm>
          <a:custGeom>
            <a:avLst/>
            <a:gdLst>
              <a:gd name="connsiteX0" fmla="*/ 0 w 12193200"/>
              <a:gd name="connsiteY0" fmla="*/ 0 h 4123701"/>
              <a:gd name="connsiteX1" fmla="*/ 12193200 w 12193200"/>
              <a:gd name="connsiteY1" fmla="*/ 0 h 4123701"/>
              <a:gd name="connsiteX2" fmla="*/ 12193200 w 12193200"/>
              <a:gd name="connsiteY2" fmla="*/ 4123701 h 4123701"/>
              <a:gd name="connsiteX3" fmla="*/ 122 w 12193200"/>
              <a:gd name="connsiteY3" fmla="*/ 3276601 h 4123701"/>
              <a:gd name="connsiteX4" fmla="*/ 122 w 12193200"/>
              <a:gd name="connsiteY4" fmla="*/ 3280259 h 4123701"/>
              <a:gd name="connsiteX5" fmla="*/ 0 w 12193200"/>
              <a:gd name="connsiteY5" fmla="*/ 3280259 h 41237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3200" h="4123701">
                <a:moveTo>
                  <a:pt x="0" y="0"/>
                </a:moveTo>
                <a:lnTo>
                  <a:pt x="12193200" y="0"/>
                </a:lnTo>
                <a:lnTo>
                  <a:pt x="12193200" y="4123701"/>
                </a:lnTo>
                <a:lnTo>
                  <a:pt x="122" y="3276601"/>
                </a:lnTo>
                <a:lnTo>
                  <a:pt x="122" y="3280259"/>
                </a:lnTo>
                <a:lnTo>
                  <a:pt x="0" y="3280259"/>
                </a:lnTo>
                <a:close/>
              </a:path>
            </a:pathLst>
          </a:custGeom>
        </p:spPr>
        <p:txBody>
          <a:bodyPr wrap="square" lIns="144000" tIns="10800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endParaRPr lang="en-GB" dirty="0"/>
          </a:p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Insert image from Image bank</a:t>
            </a:r>
            <a:endParaRPr lang="en-GB"/>
          </a:p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1224" y="4431942"/>
            <a:ext cx="10836275" cy="1130300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1224" y="5543550"/>
            <a:ext cx="10836275" cy="37845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3702B350-D76D-4279-AF9C-D0505A3C0F0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6069648"/>
            <a:ext cx="5294425" cy="185737"/>
          </a:xfrm>
        </p:spPr>
        <p:txBody>
          <a:bodyPr/>
          <a:lstStyle>
            <a:lvl1pPr>
              <a:buNone/>
              <a:defRPr sz="12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  <a:endParaRPr lang="en-GB"/>
          </a:p>
        </p:txBody>
      </p:sp>
      <p:sp>
        <p:nvSpPr>
          <p:cNvPr id="11" name="Pladsholder til sidefod 3" hidden="1">
            <a:extLst>
              <a:ext uri="{FF2B5EF4-FFF2-40B4-BE49-F238E27FC236}">
                <a16:creationId xmlns:a16="http://schemas.microsoft.com/office/drawing/2014/main" id="{CAE119CC-58E6-44D7-8CC2-6B27DCF6AE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Pladsholder til slidenummer 4" hidden="1">
            <a:extLst>
              <a:ext uri="{FF2B5EF4-FFF2-40B4-BE49-F238E27FC236}">
                <a16:creationId xmlns:a16="http://schemas.microsoft.com/office/drawing/2014/main" id="{EED34137-3F79-4427-858C-256A8195F5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ransparent shape">
            <a:extLst>
              <a:ext uri="{FF2B5EF4-FFF2-40B4-BE49-F238E27FC236}">
                <a16:creationId xmlns:a16="http://schemas.microsoft.com/office/drawing/2014/main" id="{C6FFB300-0B1F-42A5-9FF7-1EA02705E1B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rot="5400000">
            <a:off x="5162427" y="-5162427"/>
            <a:ext cx="1867146" cy="12192000"/>
          </a:xfrm>
          <a:custGeom>
            <a:avLst/>
            <a:gdLst>
              <a:gd name="connsiteX0" fmla="*/ 0 w 1867146"/>
              <a:gd name="connsiteY0" fmla="*/ 12192000 h 12192000"/>
              <a:gd name="connsiteX1" fmla="*/ 0 w 1867146"/>
              <a:gd name="connsiteY1" fmla="*/ 0 h 12192000"/>
              <a:gd name="connsiteX2" fmla="*/ 1068516 w 1867146"/>
              <a:gd name="connsiteY2" fmla="*/ 0 h 12192000"/>
              <a:gd name="connsiteX3" fmla="*/ 1867146 w 1867146"/>
              <a:gd name="connsiteY3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67146" h="12192000">
                <a:moveTo>
                  <a:pt x="0" y="12192000"/>
                </a:moveTo>
                <a:lnTo>
                  <a:pt x="0" y="0"/>
                </a:lnTo>
                <a:lnTo>
                  <a:pt x="1068516" y="0"/>
                </a:lnTo>
                <a:lnTo>
                  <a:pt x="1867146" y="12192000"/>
                </a:lnTo>
                <a:close/>
              </a:path>
            </a:pathLst>
          </a:custGeom>
          <a:solidFill>
            <a:schemeClr val="bg1">
              <a:alpha val="4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  <a:endParaRPr lang="en-GB"/>
          </a:p>
        </p:txBody>
      </p:sp>
      <p:sp>
        <p:nvSpPr>
          <p:cNvPr id="16" name="Date_GeneralDate" hidden="1">
            <a:extLst>
              <a:ext uri="{FF2B5EF4-FFF2-40B4-BE49-F238E27FC236}">
                <a16:creationId xmlns:a16="http://schemas.microsoft.com/office/drawing/2014/main" id="{695C9321-EC32-4C9D-84CF-B1F437D862D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117151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vertica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0800" y="1941513"/>
            <a:ext cx="5283625" cy="2211941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0800" y="4221131"/>
            <a:ext cx="5283625" cy="1727232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:a16="http://schemas.microsoft.com/office/drawing/2014/main" id="{13492851-79F2-4AA0-B822-7C538D60377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5970588"/>
            <a:ext cx="5546838" cy="334261"/>
          </a:xfrm>
        </p:spPr>
        <p:txBody>
          <a:bodyPr anchor="b"/>
          <a:lstStyle>
            <a:lvl1pPr>
              <a:buNone/>
              <a:defRPr sz="12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</a:p>
        </p:txBody>
      </p:sp>
      <p:sp>
        <p:nvSpPr>
          <p:cNvPr id="16" name="Picture Placeholder 34">
            <a:extLst>
              <a:ext uri="{FF2B5EF4-FFF2-40B4-BE49-F238E27FC236}">
                <a16:creationId xmlns:a16="http://schemas.microsoft.com/office/drawing/2014/main" id="{F046A3C2-C9E4-462B-8792-99E94D254B3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6370064" y="0"/>
            <a:ext cx="5840953" cy="6879014"/>
          </a:xfrm>
          <a:custGeom>
            <a:avLst/>
            <a:gdLst>
              <a:gd name="connsiteX0" fmla="*/ 0 w 10000"/>
              <a:gd name="connsiteY0" fmla="*/ 2000 h 10000"/>
              <a:gd name="connsiteX1" fmla="*/ 2000 w 10000"/>
              <a:gd name="connsiteY1" fmla="*/ 0 h 10000"/>
              <a:gd name="connsiteX2" fmla="*/ 10000 w 10000"/>
              <a:gd name="connsiteY2" fmla="*/ 0 h 10000"/>
              <a:gd name="connsiteX3" fmla="*/ 10000 w 10000"/>
              <a:gd name="connsiteY3" fmla="*/ 10000 h 10000"/>
              <a:gd name="connsiteX4" fmla="*/ 0 w 10000"/>
              <a:gd name="connsiteY4" fmla="*/ 10000 h 10000"/>
              <a:gd name="connsiteX5" fmla="*/ 0 w 10000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37 w 10037"/>
              <a:gd name="connsiteY4" fmla="*/ 10000 h 10000"/>
              <a:gd name="connsiteX5" fmla="*/ 37 w 10037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37 w 10037"/>
              <a:gd name="connsiteY5" fmla="*/ 2000 h 10000"/>
              <a:gd name="connsiteX0" fmla="*/ 292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292 w 10037"/>
              <a:gd name="connsiteY5" fmla="*/ 2000 h 10000"/>
              <a:gd name="connsiteX0" fmla="*/ 1463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0" fmla="*/ 1368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368 w 10037"/>
              <a:gd name="connsiteY4" fmla="*/ 10000 h 10000"/>
              <a:gd name="connsiteX0" fmla="*/ 1368 w 12976"/>
              <a:gd name="connsiteY0" fmla="*/ 10000 h 10000"/>
              <a:gd name="connsiteX1" fmla="*/ 0 w 12976"/>
              <a:gd name="connsiteY1" fmla="*/ 0 h 10000"/>
              <a:gd name="connsiteX2" fmla="*/ 12976 w 12976"/>
              <a:gd name="connsiteY2" fmla="*/ 0 h 10000"/>
              <a:gd name="connsiteX3" fmla="*/ 10037 w 12976"/>
              <a:gd name="connsiteY3" fmla="*/ 10000 h 10000"/>
              <a:gd name="connsiteX4" fmla="*/ 1368 w 12976"/>
              <a:gd name="connsiteY4" fmla="*/ 10000 h 10000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2976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3004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15" h="10026">
                <a:moveTo>
                  <a:pt x="1368" y="10000"/>
                </a:moveTo>
                <a:lnTo>
                  <a:pt x="0" y="0"/>
                </a:lnTo>
                <a:lnTo>
                  <a:pt x="13004" y="0"/>
                </a:lnTo>
                <a:cubicBezTo>
                  <a:pt x="13008" y="3342"/>
                  <a:pt x="13011" y="6684"/>
                  <a:pt x="13015" y="10026"/>
                </a:cubicBezTo>
                <a:lnTo>
                  <a:pt x="1368" y="10000"/>
                </a:lnTo>
                <a:close/>
              </a:path>
            </a:pathLst>
          </a:custGeom>
          <a:noFill/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Click icon to add picture</a:t>
            </a:r>
            <a:endParaRPr lang="en-GB" dirty="0"/>
          </a:p>
        </p:txBody>
      </p:sp>
      <p:pic>
        <p:nvPicPr>
          <p:cNvPr id="6" name="image" descr="{&quot;templafy&quot;:{&quot;binding&quot;:&quot;Form.Brand.LogoPos_tl&quot;,&quot;width&quot;:&quot;7.91 cm&quot;,&quot;height&quot;:&quot;2.0 cm&quot;,&quot;type&quot;:&quot;image&quot;}}" title="Form.Brand.LogoPos_tl">
            <a:extLst>
              <a:ext uri="{FF2B5EF4-FFF2-40B4-BE49-F238E27FC236}">
                <a16:creationId xmlns:a16="http://schemas.microsoft.com/office/drawing/2014/main" id="{4BFFEF41-3323-2E45-88DA-400497FB6DC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1225" y="601200"/>
            <a:ext cx="2848696" cy="720000"/>
          </a:xfrm>
          <a:prstGeom prst="rect">
            <a:avLst/>
          </a:prstGeom>
        </p:spPr>
      </p:pic>
      <p:sp>
        <p:nvSpPr>
          <p:cNvPr id="10" name="Pladsholder til sidefod 3" hidden="1">
            <a:extLst>
              <a:ext uri="{FF2B5EF4-FFF2-40B4-BE49-F238E27FC236}">
                <a16:creationId xmlns:a16="http://schemas.microsoft.com/office/drawing/2014/main" id="{41025905-3B74-41FC-9CF5-856C2A1CB3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Pladsholder til slidenummer 4" hidden="1">
            <a:extLst>
              <a:ext uri="{FF2B5EF4-FFF2-40B4-BE49-F238E27FC236}">
                <a16:creationId xmlns:a16="http://schemas.microsoft.com/office/drawing/2014/main" id="{5A33C91C-217D-4CA2-A5C7-7A2CD37DE2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ransparent shape">
            <a:extLst>
              <a:ext uri="{FF2B5EF4-FFF2-40B4-BE49-F238E27FC236}">
                <a16:creationId xmlns:a16="http://schemas.microsoft.com/office/drawing/2014/main" id="{97EF1AF0-391F-458A-B4E1-AB741356B79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flipV="1">
            <a:off x="6357159" y="-2677"/>
            <a:ext cx="2024236" cy="6877537"/>
          </a:xfrm>
          <a:custGeom>
            <a:avLst/>
            <a:gdLst>
              <a:gd name="connsiteX0" fmla="*/ 501062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0" fmla="*/ 447273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447273 w 2004247"/>
              <a:gd name="connsiteY4" fmla="*/ 0 h 6858000"/>
              <a:gd name="connsiteX0" fmla="*/ 529466 w 2004247"/>
              <a:gd name="connsiteY0" fmla="*/ 10274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529466 w 2004247"/>
              <a:gd name="connsiteY4" fmla="*/ 10274 h 6858000"/>
              <a:gd name="connsiteX0" fmla="*/ 529466 w 2004247"/>
              <a:gd name="connsiteY0" fmla="*/ 0 h 6878549"/>
              <a:gd name="connsiteX1" fmla="*/ 1503185 w 2004247"/>
              <a:gd name="connsiteY1" fmla="*/ 20549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29466 w 2004247"/>
              <a:gd name="connsiteY0" fmla="*/ 0 h 6878549"/>
              <a:gd name="connsiteX1" fmla="*/ 1492911 w 2004247"/>
              <a:gd name="connsiteY1" fmla="*/ 10275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91111 w 2065892"/>
              <a:gd name="connsiteY0" fmla="*/ 0 h 6878549"/>
              <a:gd name="connsiteX1" fmla="*/ 1554556 w 2065892"/>
              <a:gd name="connsiteY1" fmla="*/ 10275 h 6878549"/>
              <a:gd name="connsiteX2" fmla="*/ 2065892 w 2065892"/>
              <a:gd name="connsiteY2" fmla="*/ 6878549 h 6878549"/>
              <a:gd name="connsiteX3" fmla="*/ 0 w 2065892"/>
              <a:gd name="connsiteY3" fmla="*/ 6878549 h 6878549"/>
              <a:gd name="connsiteX4" fmla="*/ 591111 w 2065892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15125 h 6893674"/>
              <a:gd name="connsiteX1" fmla="*/ 1554556 w 2035070"/>
              <a:gd name="connsiteY1" fmla="*/ 0 h 6893674"/>
              <a:gd name="connsiteX2" fmla="*/ 2035070 w 2035070"/>
              <a:gd name="connsiteY2" fmla="*/ 6893674 h 6893674"/>
              <a:gd name="connsiteX3" fmla="*/ 0 w 2035070"/>
              <a:gd name="connsiteY3" fmla="*/ 6893674 h 6893674"/>
              <a:gd name="connsiteX4" fmla="*/ 591111 w 2035070"/>
              <a:gd name="connsiteY4" fmla="*/ 15125 h 6893674"/>
              <a:gd name="connsiteX0" fmla="*/ 580258 w 2024217"/>
              <a:gd name="connsiteY0" fmla="*/ 15125 h 6893674"/>
              <a:gd name="connsiteX1" fmla="*/ 1543703 w 2024217"/>
              <a:gd name="connsiteY1" fmla="*/ 0 h 6893674"/>
              <a:gd name="connsiteX2" fmla="*/ 2024217 w 2024217"/>
              <a:gd name="connsiteY2" fmla="*/ 6893674 h 6893674"/>
              <a:gd name="connsiteX3" fmla="*/ 0 w 2024217"/>
              <a:gd name="connsiteY3" fmla="*/ 6893674 h 6893674"/>
              <a:gd name="connsiteX4" fmla="*/ 580258 w 2024217"/>
              <a:gd name="connsiteY4" fmla="*/ 15125 h 6893674"/>
              <a:gd name="connsiteX0" fmla="*/ 580285 w 2024244"/>
              <a:gd name="connsiteY0" fmla="*/ 1512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80285 w 2024244"/>
              <a:gd name="connsiteY4" fmla="*/ 1512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17838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17838 h 6893674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5725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5725 h 6877537"/>
              <a:gd name="connsiteX0" fmla="*/ 604887 w 2024243"/>
              <a:gd name="connsiteY0" fmla="*/ 1700 h 6877537"/>
              <a:gd name="connsiteX1" fmla="*/ 1543729 w 2024243"/>
              <a:gd name="connsiteY1" fmla="*/ 0 h 6877537"/>
              <a:gd name="connsiteX2" fmla="*/ 2024243 w 2024243"/>
              <a:gd name="connsiteY2" fmla="*/ 6877537 h 6877537"/>
              <a:gd name="connsiteX3" fmla="*/ 26 w 2024243"/>
              <a:gd name="connsiteY3" fmla="*/ 6877537 h 6877537"/>
              <a:gd name="connsiteX4" fmla="*/ 604887 w 2024243"/>
              <a:gd name="connsiteY4" fmla="*/ 1700 h 6877537"/>
              <a:gd name="connsiteX0" fmla="*/ 604880 w 2024236"/>
              <a:gd name="connsiteY0" fmla="*/ 1700 h 6877537"/>
              <a:gd name="connsiteX1" fmla="*/ 1543722 w 2024236"/>
              <a:gd name="connsiteY1" fmla="*/ 0 h 6877537"/>
              <a:gd name="connsiteX2" fmla="*/ 2024236 w 2024236"/>
              <a:gd name="connsiteY2" fmla="*/ 6877537 h 6877537"/>
              <a:gd name="connsiteX3" fmla="*/ 19 w 2024236"/>
              <a:gd name="connsiteY3" fmla="*/ 6877537 h 6877537"/>
              <a:gd name="connsiteX4" fmla="*/ 604880 w 2024236"/>
              <a:gd name="connsiteY4" fmla="*/ 1700 h 687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24236" h="6877537">
                <a:moveTo>
                  <a:pt x="604880" y="1700"/>
                </a:moveTo>
                <a:cubicBezTo>
                  <a:pt x="607661" y="4799"/>
                  <a:pt x="1530119" y="7755"/>
                  <a:pt x="1543722" y="0"/>
                </a:cubicBezTo>
                <a:cubicBezTo>
                  <a:pt x="1703893" y="2289425"/>
                  <a:pt x="2018177" y="6848427"/>
                  <a:pt x="2024236" y="6877537"/>
                </a:cubicBezTo>
                <a:lnTo>
                  <a:pt x="19" y="6877537"/>
                </a:lnTo>
                <a:cubicBezTo>
                  <a:pt x="-3901" y="6878894"/>
                  <a:pt x="611763" y="-3910"/>
                  <a:pt x="604880" y="1700"/>
                </a:cubicBezTo>
                <a:close/>
              </a:path>
            </a:pathLst>
          </a:custGeom>
          <a:solidFill>
            <a:schemeClr val="bg1">
              <a:alpha val="5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5" name="Date_GeneralDate">
            <a:extLst>
              <a:ext uri="{FF2B5EF4-FFF2-40B4-BE49-F238E27FC236}">
                <a16:creationId xmlns:a16="http://schemas.microsoft.com/office/drawing/2014/main" id="{59E9916C-2B7D-4E88-A66F-5572FD094AB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10800" y="6303600"/>
            <a:ext cx="2512800" cy="198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00">
                <a:solidFill>
                  <a:schemeClr val="accent3"/>
                </a:solidFill>
              </a:defRPr>
            </a:lvl1pPr>
          </a:lstStyle>
          <a:p>
            <a:fld id="{EE10453B-1655-4A6B-ABAB-14A6371FAE3A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6824566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horizontal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FAE4D028-DA28-4F31-AA6B-0E356454B97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2021"/>
            <a:ext cx="12193200" cy="4123701"/>
          </a:xfrm>
          <a:custGeom>
            <a:avLst/>
            <a:gdLst>
              <a:gd name="connsiteX0" fmla="*/ 0 w 12193200"/>
              <a:gd name="connsiteY0" fmla="*/ 0 h 4123701"/>
              <a:gd name="connsiteX1" fmla="*/ 12193200 w 12193200"/>
              <a:gd name="connsiteY1" fmla="*/ 0 h 4123701"/>
              <a:gd name="connsiteX2" fmla="*/ 12193200 w 12193200"/>
              <a:gd name="connsiteY2" fmla="*/ 4123701 h 4123701"/>
              <a:gd name="connsiteX3" fmla="*/ 122 w 12193200"/>
              <a:gd name="connsiteY3" fmla="*/ 3276601 h 4123701"/>
              <a:gd name="connsiteX4" fmla="*/ 122 w 12193200"/>
              <a:gd name="connsiteY4" fmla="*/ 3280259 h 4123701"/>
              <a:gd name="connsiteX5" fmla="*/ 0 w 12193200"/>
              <a:gd name="connsiteY5" fmla="*/ 3280259 h 41237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3200" h="4123701">
                <a:moveTo>
                  <a:pt x="0" y="0"/>
                </a:moveTo>
                <a:lnTo>
                  <a:pt x="12193200" y="0"/>
                </a:lnTo>
                <a:lnTo>
                  <a:pt x="12193200" y="4123701"/>
                </a:lnTo>
                <a:lnTo>
                  <a:pt x="122" y="3276601"/>
                </a:lnTo>
                <a:lnTo>
                  <a:pt x="122" y="3280259"/>
                </a:lnTo>
                <a:lnTo>
                  <a:pt x="0" y="3280259"/>
                </a:lnTo>
                <a:close/>
              </a:path>
            </a:pathLst>
          </a:custGeom>
        </p:spPr>
        <p:txBody>
          <a:bodyPr wrap="square" lIns="144000" tIns="108000">
            <a:noAutofit/>
          </a:bodyPr>
          <a:lstStyle>
            <a:lvl1pPr marL="0" indent="0" algn="ctr">
              <a:buNone/>
              <a:defRPr sz="1400"/>
            </a:lvl1pPr>
          </a:lstStyle>
          <a:p>
            <a:endParaRPr lang="en-GB" dirty="0"/>
          </a:p>
          <a:p>
            <a:r>
              <a:rPr lang="en-GB" dirty="0"/>
              <a:t>Insert image from Image bank</a:t>
            </a:r>
            <a:endParaRPr lang="en-GB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0116D9D-B7F4-4E60-8A23-3D896C257804}"/>
              </a:ext>
            </a:extLst>
          </p:cNvPr>
          <p:cNvSpPr/>
          <p:nvPr userDrawn="1"/>
        </p:nvSpPr>
        <p:spPr>
          <a:xfrm>
            <a:off x="0" y="3258675"/>
            <a:ext cx="12219822" cy="3594100"/>
          </a:xfrm>
          <a:custGeom>
            <a:avLst/>
            <a:gdLst>
              <a:gd name="connsiteX0" fmla="*/ 0 w 12193200"/>
              <a:gd name="connsiteY0" fmla="*/ 0 h 3759200"/>
              <a:gd name="connsiteX1" fmla="*/ 12193200 w 12193200"/>
              <a:gd name="connsiteY1" fmla="*/ 0 h 3759200"/>
              <a:gd name="connsiteX2" fmla="*/ 12193200 w 12193200"/>
              <a:gd name="connsiteY2" fmla="*/ 3759200 h 3759200"/>
              <a:gd name="connsiteX3" fmla="*/ 0 w 12193200"/>
              <a:gd name="connsiteY3" fmla="*/ 3759200 h 3759200"/>
              <a:gd name="connsiteX4" fmla="*/ 0 w 12193200"/>
              <a:gd name="connsiteY4" fmla="*/ 0 h 3759200"/>
              <a:gd name="connsiteX0" fmla="*/ 0 w 12218600"/>
              <a:gd name="connsiteY0" fmla="*/ 0 h 3759200"/>
              <a:gd name="connsiteX1" fmla="*/ 12218600 w 12218600"/>
              <a:gd name="connsiteY1" fmla="*/ 990600 h 3759200"/>
              <a:gd name="connsiteX2" fmla="*/ 12193200 w 12218600"/>
              <a:gd name="connsiteY2" fmla="*/ 3759200 h 3759200"/>
              <a:gd name="connsiteX3" fmla="*/ 0 w 12218600"/>
              <a:gd name="connsiteY3" fmla="*/ 3759200 h 3759200"/>
              <a:gd name="connsiteX4" fmla="*/ 0 w 12218600"/>
              <a:gd name="connsiteY4" fmla="*/ 0 h 3759200"/>
              <a:gd name="connsiteX0" fmla="*/ 0 w 12231300"/>
              <a:gd name="connsiteY0" fmla="*/ 0 h 3581400"/>
              <a:gd name="connsiteX1" fmla="*/ 12231300 w 12231300"/>
              <a:gd name="connsiteY1" fmla="*/ 812800 h 3581400"/>
              <a:gd name="connsiteX2" fmla="*/ 12205900 w 12231300"/>
              <a:gd name="connsiteY2" fmla="*/ 3581400 h 3581400"/>
              <a:gd name="connsiteX3" fmla="*/ 12700 w 12231300"/>
              <a:gd name="connsiteY3" fmla="*/ 3581400 h 3581400"/>
              <a:gd name="connsiteX4" fmla="*/ 0 w 12231300"/>
              <a:gd name="connsiteY4" fmla="*/ 0 h 3581400"/>
              <a:gd name="connsiteX0" fmla="*/ 0 w 12231300"/>
              <a:gd name="connsiteY0" fmla="*/ 0 h 3581400"/>
              <a:gd name="connsiteX1" fmla="*/ 12231300 w 12231300"/>
              <a:gd name="connsiteY1" fmla="*/ 825500 h 3581400"/>
              <a:gd name="connsiteX2" fmla="*/ 12205900 w 12231300"/>
              <a:gd name="connsiteY2" fmla="*/ 3581400 h 3581400"/>
              <a:gd name="connsiteX3" fmla="*/ 12700 w 12231300"/>
              <a:gd name="connsiteY3" fmla="*/ 3581400 h 3581400"/>
              <a:gd name="connsiteX4" fmla="*/ 0 w 12231300"/>
              <a:gd name="connsiteY4" fmla="*/ 0 h 3581400"/>
              <a:gd name="connsiteX0" fmla="*/ 1222 w 12219822"/>
              <a:gd name="connsiteY0" fmla="*/ 0 h 3594100"/>
              <a:gd name="connsiteX1" fmla="*/ 12219822 w 12219822"/>
              <a:gd name="connsiteY1" fmla="*/ 838200 h 3594100"/>
              <a:gd name="connsiteX2" fmla="*/ 12194422 w 12219822"/>
              <a:gd name="connsiteY2" fmla="*/ 3594100 h 3594100"/>
              <a:gd name="connsiteX3" fmla="*/ 1222 w 12219822"/>
              <a:gd name="connsiteY3" fmla="*/ 3594100 h 3594100"/>
              <a:gd name="connsiteX4" fmla="*/ 1222 w 12219822"/>
              <a:gd name="connsiteY4" fmla="*/ 0 h 3594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219822" h="3594100">
                <a:moveTo>
                  <a:pt x="1222" y="0"/>
                </a:moveTo>
                <a:lnTo>
                  <a:pt x="12219822" y="838200"/>
                </a:lnTo>
                <a:lnTo>
                  <a:pt x="12194422" y="3594100"/>
                </a:lnTo>
                <a:lnTo>
                  <a:pt x="1222" y="3594100"/>
                </a:lnTo>
                <a:cubicBezTo>
                  <a:pt x="-3011" y="2400300"/>
                  <a:pt x="5455" y="1193800"/>
                  <a:pt x="1222" y="0"/>
                </a:cubicBezTo>
                <a:close/>
              </a:path>
            </a:pathLst>
          </a:cu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0800" y="4406184"/>
            <a:ext cx="10849319" cy="1130300"/>
          </a:xfrm>
        </p:spPr>
        <p:txBody>
          <a:bodyPr anchor="b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0800" y="5543550"/>
            <a:ext cx="10849319" cy="37845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3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12" name="Text Placeholder 15">
            <a:extLst>
              <a:ext uri="{FF2B5EF4-FFF2-40B4-BE49-F238E27FC236}">
                <a16:creationId xmlns:a16="http://schemas.microsoft.com/office/drawing/2014/main" id="{8AB2C357-7F15-4B1D-A1DE-4F1BD395498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6069648"/>
            <a:ext cx="5294425" cy="185737"/>
          </a:xfrm>
        </p:spPr>
        <p:txBody>
          <a:bodyPr/>
          <a:lstStyle>
            <a:lvl1pPr>
              <a:buNone/>
              <a:defRPr sz="12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  <a:endParaRPr lang="en-GB"/>
          </a:p>
        </p:txBody>
      </p:sp>
      <p:sp>
        <p:nvSpPr>
          <p:cNvPr id="15" name="date" descr="{&quot;templafy&quot;:{&quot;id&quot;:&quot;3e997ecf-0cbb-40d1-8c9f-a656530082e7&quot;}}" title="Form.Date">
            <a:extLst>
              <a:ext uri="{FF2B5EF4-FFF2-40B4-BE49-F238E27FC236}">
                <a16:creationId xmlns:a16="http://schemas.microsoft.com/office/drawing/2014/main" id="{C72012C2-936B-4FE0-BC89-4F56309221E6}"/>
              </a:ext>
            </a:extLst>
          </p:cNvPr>
          <p:cNvSpPr/>
          <p:nvPr userDrawn="1"/>
        </p:nvSpPr>
        <p:spPr>
          <a:xfrm>
            <a:off x="911225" y="6303059"/>
            <a:ext cx="2513013" cy="19780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en-GB" sz="1200" noProof="0" dirty="0">
              <a:solidFill>
                <a:schemeClr val="bg1"/>
              </a:solidFill>
            </a:endParaRPr>
          </a:p>
        </p:txBody>
      </p:sp>
      <p:pic>
        <p:nvPicPr>
          <p:cNvPr id="8" name="image" descr="{&quot;templafy&quot;:{&quot;id&quot;:&quot;42c7950e-960a-4d47-90dd-63ea9d12527c&quot;}}" title="Form.Brand.LogoNeg">
            <a:extLst>
              <a:ext uri="{FF2B5EF4-FFF2-40B4-BE49-F238E27FC236}">
                <a16:creationId xmlns:a16="http://schemas.microsoft.com/office/drawing/2014/main" id="{FBF48EB5-6B6B-4CF3-855B-09CD9181636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1423" y="5748010"/>
            <a:ext cx="2848696" cy="720000"/>
          </a:xfrm>
          <a:prstGeom prst="rect">
            <a:avLst/>
          </a:prstGeom>
        </p:spPr>
      </p:pic>
      <p:sp>
        <p:nvSpPr>
          <p:cNvPr id="11" name="Pladsholder til sidefod 3" hidden="1">
            <a:extLst>
              <a:ext uri="{FF2B5EF4-FFF2-40B4-BE49-F238E27FC236}">
                <a16:creationId xmlns:a16="http://schemas.microsoft.com/office/drawing/2014/main" id="{C951C2AE-6DF1-460C-9718-0D690C2898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4" hidden="1">
            <a:extLst>
              <a:ext uri="{FF2B5EF4-FFF2-40B4-BE49-F238E27FC236}">
                <a16:creationId xmlns:a16="http://schemas.microsoft.com/office/drawing/2014/main" id="{1C5D06FF-78C6-4921-AF72-45742CDA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ransparent shape">
            <a:extLst>
              <a:ext uri="{FF2B5EF4-FFF2-40B4-BE49-F238E27FC236}">
                <a16:creationId xmlns:a16="http://schemas.microsoft.com/office/drawing/2014/main" id="{CDBB09BE-7BA3-4C41-A500-466823BB767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rot="5400000">
            <a:off x="5162427" y="-5162427"/>
            <a:ext cx="1867146" cy="12192000"/>
          </a:xfrm>
          <a:custGeom>
            <a:avLst/>
            <a:gdLst>
              <a:gd name="connsiteX0" fmla="*/ 0 w 1867146"/>
              <a:gd name="connsiteY0" fmla="*/ 12192000 h 12192000"/>
              <a:gd name="connsiteX1" fmla="*/ 0 w 1867146"/>
              <a:gd name="connsiteY1" fmla="*/ 0 h 12192000"/>
              <a:gd name="connsiteX2" fmla="*/ 1068516 w 1867146"/>
              <a:gd name="connsiteY2" fmla="*/ 0 h 12192000"/>
              <a:gd name="connsiteX3" fmla="*/ 1867146 w 1867146"/>
              <a:gd name="connsiteY3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67146" h="12192000">
                <a:moveTo>
                  <a:pt x="0" y="12192000"/>
                </a:moveTo>
                <a:lnTo>
                  <a:pt x="0" y="0"/>
                </a:lnTo>
                <a:lnTo>
                  <a:pt x="1068516" y="0"/>
                </a:lnTo>
                <a:lnTo>
                  <a:pt x="1867146" y="12192000"/>
                </a:lnTo>
                <a:close/>
              </a:path>
            </a:pathLst>
          </a:custGeom>
          <a:solidFill>
            <a:schemeClr val="bg1">
              <a:alpha val="4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  <a:endParaRPr lang="en-GB"/>
          </a:p>
        </p:txBody>
      </p:sp>
      <p:sp>
        <p:nvSpPr>
          <p:cNvPr id="17" name="Date_GeneralDate" hidden="1">
            <a:extLst>
              <a:ext uri="{FF2B5EF4-FFF2-40B4-BE49-F238E27FC236}">
                <a16:creationId xmlns:a16="http://schemas.microsoft.com/office/drawing/2014/main" id="{FD75C8C2-82CE-4F13-8484-48E0E1EBD5F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2336523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vertica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0800" y="1941513"/>
            <a:ext cx="5283625" cy="2211941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0800" y="4221131"/>
            <a:ext cx="5283625" cy="1727232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11" name="Text Placeholder 15">
            <a:extLst>
              <a:ext uri="{FF2B5EF4-FFF2-40B4-BE49-F238E27FC236}">
                <a16:creationId xmlns:a16="http://schemas.microsoft.com/office/drawing/2014/main" id="{13492851-79F2-4AA0-B822-7C538D60377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5970588"/>
            <a:ext cx="5546838" cy="334261"/>
          </a:xfrm>
        </p:spPr>
        <p:txBody>
          <a:bodyPr anchor="b"/>
          <a:lstStyle>
            <a:lvl1pPr>
              <a:buNone/>
              <a:defRPr sz="12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  <a:endParaRPr lang="en-GB"/>
          </a:p>
        </p:txBody>
      </p:sp>
      <p:sp>
        <p:nvSpPr>
          <p:cNvPr id="16" name="Picture Placeholder 34">
            <a:extLst>
              <a:ext uri="{FF2B5EF4-FFF2-40B4-BE49-F238E27FC236}">
                <a16:creationId xmlns:a16="http://schemas.microsoft.com/office/drawing/2014/main" id="{F046A3C2-C9E4-462B-8792-99E94D254B3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6370064" y="0"/>
            <a:ext cx="5840953" cy="6879014"/>
          </a:xfrm>
          <a:custGeom>
            <a:avLst/>
            <a:gdLst>
              <a:gd name="connsiteX0" fmla="*/ 0 w 10000"/>
              <a:gd name="connsiteY0" fmla="*/ 2000 h 10000"/>
              <a:gd name="connsiteX1" fmla="*/ 2000 w 10000"/>
              <a:gd name="connsiteY1" fmla="*/ 0 h 10000"/>
              <a:gd name="connsiteX2" fmla="*/ 10000 w 10000"/>
              <a:gd name="connsiteY2" fmla="*/ 0 h 10000"/>
              <a:gd name="connsiteX3" fmla="*/ 10000 w 10000"/>
              <a:gd name="connsiteY3" fmla="*/ 10000 h 10000"/>
              <a:gd name="connsiteX4" fmla="*/ 0 w 10000"/>
              <a:gd name="connsiteY4" fmla="*/ 10000 h 10000"/>
              <a:gd name="connsiteX5" fmla="*/ 0 w 10000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37 w 10037"/>
              <a:gd name="connsiteY4" fmla="*/ 10000 h 10000"/>
              <a:gd name="connsiteX5" fmla="*/ 37 w 10037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37 w 10037"/>
              <a:gd name="connsiteY5" fmla="*/ 2000 h 10000"/>
              <a:gd name="connsiteX0" fmla="*/ 292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292 w 10037"/>
              <a:gd name="connsiteY5" fmla="*/ 2000 h 10000"/>
              <a:gd name="connsiteX0" fmla="*/ 1463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0" fmla="*/ 1368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368 w 10037"/>
              <a:gd name="connsiteY4" fmla="*/ 10000 h 10000"/>
              <a:gd name="connsiteX0" fmla="*/ 1368 w 12976"/>
              <a:gd name="connsiteY0" fmla="*/ 10000 h 10000"/>
              <a:gd name="connsiteX1" fmla="*/ 0 w 12976"/>
              <a:gd name="connsiteY1" fmla="*/ 0 h 10000"/>
              <a:gd name="connsiteX2" fmla="*/ 12976 w 12976"/>
              <a:gd name="connsiteY2" fmla="*/ 0 h 10000"/>
              <a:gd name="connsiteX3" fmla="*/ 10037 w 12976"/>
              <a:gd name="connsiteY3" fmla="*/ 10000 h 10000"/>
              <a:gd name="connsiteX4" fmla="*/ 1368 w 12976"/>
              <a:gd name="connsiteY4" fmla="*/ 10000 h 10000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2976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3004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15" h="10026">
                <a:moveTo>
                  <a:pt x="1368" y="10000"/>
                </a:moveTo>
                <a:lnTo>
                  <a:pt x="0" y="0"/>
                </a:lnTo>
                <a:lnTo>
                  <a:pt x="13004" y="0"/>
                </a:lnTo>
                <a:cubicBezTo>
                  <a:pt x="13008" y="3342"/>
                  <a:pt x="13011" y="6684"/>
                  <a:pt x="13015" y="10026"/>
                </a:cubicBezTo>
                <a:lnTo>
                  <a:pt x="1368" y="10000"/>
                </a:lnTo>
                <a:close/>
              </a:path>
            </a:pathLst>
          </a:custGeom>
          <a:noFill/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endParaRPr lang="en-GB" dirty="0"/>
          </a:p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Insert image from Image bank</a:t>
            </a:r>
            <a:endParaRPr lang="en-GB"/>
          </a:p>
        </p:txBody>
      </p:sp>
      <p:pic>
        <p:nvPicPr>
          <p:cNvPr id="6" name="image" descr="{&quot;templafy&quot;:{&quot;id&quot;:&quot;9579b49c-7445-4ed4-908a-fa0979ae4b7e&quot;}}" title="Form.Brand.LogoPos_tl">
            <a:extLst>
              <a:ext uri="{FF2B5EF4-FFF2-40B4-BE49-F238E27FC236}">
                <a16:creationId xmlns:a16="http://schemas.microsoft.com/office/drawing/2014/main" id="{4BFFEF41-3323-2E45-88DA-400497FB6DC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1225" y="601200"/>
            <a:ext cx="2848696" cy="720000"/>
          </a:xfrm>
          <a:prstGeom prst="rect">
            <a:avLst/>
          </a:prstGeom>
        </p:spPr>
      </p:pic>
      <p:sp>
        <p:nvSpPr>
          <p:cNvPr id="14" name="date" descr="{&quot;templafy&quot;:{&quot;id&quot;:&quot;1834df54-da68-4f06-b2e3-2077124a32d9&quot;}}" title="Form.Date">
            <a:extLst>
              <a:ext uri="{FF2B5EF4-FFF2-40B4-BE49-F238E27FC236}">
                <a16:creationId xmlns:a16="http://schemas.microsoft.com/office/drawing/2014/main" id="{20A34680-B29D-4B14-9A48-B1B52B026882}"/>
              </a:ext>
            </a:extLst>
          </p:cNvPr>
          <p:cNvSpPr/>
          <p:nvPr userDrawn="1"/>
        </p:nvSpPr>
        <p:spPr>
          <a:xfrm>
            <a:off x="911225" y="6303059"/>
            <a:ext cx="2513013" cy="19780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en-GB" sz="1200" noProof="0" dirty="0">
              <a:solidFill>
                <a:schemeClr val="accent3"/>
              </a:solidFill>
            </a:endParaRPr>
          </a:p>
        </p:txBody>
      </p:sp>
      <p:sp>
        <p:nvSpPr>
          <p:cNvPr id="10" name="Pladsholder til sidefod 3" hidden="1">
            <a:extLst>
              <a:ext uri="{FF2B5EF4-FFF2-40B4-BE49-F238E27FC236}">
                <a16:creationId xmlns:a16="http://schemas.microsoft.com/office/drawing/2014/main" id="{41025905-3B74-41FC-9CF5-856C2A1CB3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Pladsholder til slidenummer 4" hidden="1">
            <a:extLst>
              <a:ext uri="{FF2B5EF4-FFF2-40B4-BE49-F238E27FC236}">
                <a16:creationId xmlns:a16="http://schemas.microsoft.com/office/drawing/2014/main" id="{5A33C91C-217D-4CA2-A5C7-7A2CD37DE2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ransparent shape">
            <a:extLst>
              <a:ext uri="{FF2B5EF4-FFF2-40B4-BE49-F238E27FC236}">
                <a16:creationId xmlns:a16="http://schemas.microsoft.com/office/drawing/2014/main" id="{97EF1AF0-391F-458A-B4E1-AB741356B79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flipV="1">
            <a:off x="6357159" y="-2677"/>
            <a:ext cx="2024236" cy="6877537"/>
          </a:xfrm>
          <a:custGeom>
            <a:avLst/>
            <a:gdLst>
              <a:gd name="connsiteX0" fmla="*/ 501062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0" fmla="*/ 447273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447273 w 2004247"/>
              <a:gd name="connsiteY4" fmla="*/ 0 h 6858000"/>
              <a:gd name="connsiteX0" fmla="*/ 529466 w 2004247"/>
              <a:gd name="connsiteY0" fmla="*/ 10274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529466 w 2004247"/>
              <a:gd name="connsiteY4" fmla="*/ 10274 h 6858000"/>
              <a:gd name="connsiteX0" fmla="*/ 529466 w 2004247"/>
              <a:gd name="connsiteY0" fmla="*/ 0 h 6878549"/>
              <a:gd name="connsiteX1" fmla="*/ 1503185 w 2004247"/>
              <a:gd name="connsiteY1" fmla="*/ 20549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29466 w 2004247"/>
              <a:gd name="connsiteY0" fmla="*/ 0 h 6878549"/>
              <a:gd name="connsiteX1" fmla="*/ 1492911 w 2004247"/>
              <a:gd name="connsiteY1" fmla="*/ 10275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91111 w 2065892"/>
              <a:gd name="connsiteY0" fmla="*/ 0 h 6878549"/>
              <a:gd name="connsiteX1" fmla="*/ 1554556 w 2065892"/>
              <a:gd name="connsiteY1" fmla="*/ 10275 h 6878549"/>
              <a:gd name="connsiteX2" fmla="*/ 2065892 w 2065892"/>
              <a:gd name="connsiteY2" fmla="*/ 6878549 h 6878549"/>
              <a:gd name="connsiteX3" fmla="*/ 0 w 2065892"/>
              <a:gd name="connsiteY3" fmla="*/ 6878549 h 6878549"/>
              <a:gd name="connsiteX4" fmla="*/ 591111 w 2065892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15125 h 6893674"/>
              <a:gd name="connsiteX1" fmla="*/ 1554556 w 2035070"/>
              <a:gd name="connsiteY1" fmla="*/ 0 h 6893674"/>
              <a:gd name="connsiteX2" fmla="*/ 2035070 w 2035070"/>
              <a:gd name="connsiteY2" fmla="*/ 6893674 h 6893674"/>
              <a:gd name="connsiteX3" fmla="*/ 0 w 2035070"/>
              <a:gd name="connsiteY3" fmla="*/ 6893674 h 6893674"/>
              <a:gd name="connsiteX4" fmla="*/ 591111 w 2035070"/>
              <a:gd name="connsiteY4" fmla="*/ 15125 h 6893674"/>
              <a:gd name="connsiteX0" fmla="*/ 580258 w 2024217"/>
              <a:gd name="connsiteY0" fmla="*/ 15125 h 6893674"/>
              <a:gd name="connsiteX1" fmla="*/ 1543703 w 2024217"/>
              <a:gd name="connsiteY1" fmla="*/ 0 h 6893674"/>
              <a:gd name="connsiteX2" fmla="*/ 2024217 w 2024217"/>
              <a:gd name="connsiteY2" fmla="*/ 6893674 h 6893674"/>
              <a:gd name="connsiteX3" fmla="*/ 0 w 2024217"/>
              <a:gd name="connsiteY3" fmla="*/ 6893674 h 6893674"/>
              <a:gd name="connsiteX4" fmla="*/ 580258 w 2024217"/>
              <a:gd name="connsiteY4" fmla="*/ 15125 h 6893674"/>
              <a:gd name="connsiteX0" fmla="*/ 580285 w 2024244"/>
              <a:gd name="connsiteY0" fmla="*/ 1512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80285 w 2024244"/>
              <a:gd name="connsiteY4" fmla="*/ 1512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17838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17838 h 6893674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5725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5725 h 6877537"/>
              <a:gd name="connsiteX0" fmla="*/ 604887 w 2024243"/>
              <a:gd name="connsiteY0" fmla="*/ 1700 h 6877537"/>
              <a:gd name="connsiteX1" fmla="*/ 1543729 w 2024243"/>
              <a:gd name="connsiteY1" fmla="*/ 0 h 6877537"/>
              <a:gd name="connsiteX2" fmla="*/ 2024243 w 2024243"/>
              <a:gd name="connsiteY2" fmla="*/ 6877537 h 6877537"/>
              <a:gd name="connsiteX3" fmla="*/ 26 w 2024243"/>
              <a:gd name="connsiteY3" fmla="*/ 6877537 h 6877537"/>
              <a:gd name="connsiteX4" fmla="*/ 604887 w 2024243"/>
              <a:gd name="connsiteY4" fmla="*/ 1700 h 6877537"/>
              <a:gd name="connsiteX0" fmla="*/ 604880 w 2024236"/>
              <a:gd name="connsiteY0" fmla="*/ 1700 h 6877537"/>
              <a:gd name="connsiteX1" fmla="*/ 1543722 w 2024236"/>
              <a:gd name="connsiteY1" fmla="*/ 0 h 6877537"/>
              <a:gd name="connsiteX2" fmla="*/ 2024236 w 2024236"/>
              <a:gd name="connsiteY2" fmla="*/ 6877537 h 6877537"/>
              <a:gd name="connsiteX3" fmla="*/ 19 w 2024236"/>
              <a:gd name="connsiteY3" fmla="*/ 6877537 h 6877537"/>
              <a:gd name="connsiteX4" fmla="*/ 604880 w 2024236"/>
              <a:gd name="connsiteY4" fmla="*/ 1700 h 687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24236" h="6877537">
                <a:moveTo>
                  <a:pt x="604880" y="1700"/>
                </a:moveTo>
                <a:cubicBezTo>
                  <a:pt x="607661" y="4799"/>
                  <a:pt x="1530119" y="7755"/>
                  <a:pt x="1543722" y="0"/>
                </a:cubicBezTo>
                <a:cubicBezTo>
                  <a:pt x="1703893" y="2289425"/>
                  <a:pt x="2018177" y="6848427"/>
                  <a:pt x="2024236" y="6877537"/>
                </a:cubicBezTo>
                <a:lnTo>
                  <a:pt x="19" y="6877537"/>
                </a:lnTo>
                <a:cubicBezTo>
                  <a:pt x="-3901" y="6878894"/>
                  <a:pt x="611763" y="-3910"/>
                  <a:pt x="604880" y="1700"/>
                </a:cubicBezTo>
                <a:close/>
              </a:path>
            </a:pathLst>
          </a:custGeom>
          <a:solidFill>
            <a:schemeClr val="bg1">
              <a:alpha val="5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  <a:endParaRPr lang="en-GB"/>
          </a:p>
        </p:txBody>
      </p:sp>
      <p:sp>
        <p:nvSpPr>
          <p:cNvPr id="13" name="Date_GeneralDate" hidden="1">
            <a:extLst>
              <a:ext uri="{FF2B5EF4-FFF2-40B4-BE49-F238E27FC236}">
                <a16:creationId xmlns:a16="http://schemas.microsoft.com/office/drawing/2014/main" id="{11C2BB82-2412-4818-AAE3-99A8E53E006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020118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vertical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Freeform: Shape 39">
            <a:extLst>
              <a:ext uri="{FF2B5EF4-FFF2-40B4-BE49-F238E27FC236}">
                <a16:creationId xmlns:a16="http://schemas.microsoft.com/office/drawing/2014/main" id="{F6F182ED-AAEB-4A67-B95E-EB30254FF8E5}"/>
              </a:ext>
            </a:extLst>
          </p:cNvPr>
          <p:cNvSpPr/>
          <p:nvPr userDrawn="1"/>
        </p:nvSpPr>
        <p:spPr>
          <a:xfrm>
            <a:off x="-21998" y="-32"/>
            <a:ext cx="7140350" cy="6888761"/>
          </a:xfrm>
          <a:custGeom>
            <a:avLst/>
            <a:gdLst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775944 h 6861177"/>
              <a:gd name="connsiteX4" fmla="*/ 8299450 w 8299450"/>
              <a:gd name="connsiteY4" fmla="*/ 6861177 h 6861177"/>
              <a:gd name="connsiteX5" fmla="*/ 0 w 8299450"/>
              <a:gd name="connsiteY5" fmla="*/ 6861177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775944 h 6861177"/>
              <a:gd name="connsiteX4" fmla="*/ 8299450 w 8299450"/>
              <a:gd name="connsiteY4" fmla="*/ 6861177 h 6861177"/>
              <a:gd name="connsiteX5" fmla="*/ 0 w 8299450"/>
              <a:gd name="connsiteY5" fmla="*/ 6861177 h 6861177"/>
              <a:gd name="connsiteX6" fmla="*/ 0 w 8299450"/>
              <a:gd name="connsiteY6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9044461"/>
              <a:gd name="connsiteY0" fmla="*/ 0 h 6861177"/>
              <a:gd name="connsiteX1" fmla="*/ 7707627 w 9044461"/>
              <a:gd name="connsiteY1" fmla="*/ 0 h 6861177"/>
              <a:gd name="connsiteX2" fmla="*/ 8299450 w 9044461"/>
              <a:gd name="connsiteY2" fmla="*/ 6861177 h 6861177"/>
              <a:gd name="connsiteX3" fmla="*/ 0 w 9044461"/>
              <a:gd name="connsiteY3" fmla="*/ 6861177 h 6861177"/>
              <a:gd name="connsiteX4" fmla="*/ 0 w 9044461"/>
              <a:gd name="connsiteY4" fmla="*/ 0 h 6861177"/>
              <a:gd name="connsiteX0" fmla="*/ 0 w 8537493"/>
              <a:gd name="connsiteY0" fmla="*/ 0 h 6861177"/>
              <a:gd name="connsiteX1" fmla="*/ 7707627 w 8537493"/>
              <a:gd name="connsiteY1" fmla="*/ 0 h 6861177"/>
              <a:gd name="connsiteX2" fmla="*/ 8299450 w 8537493"/>
              <a:gd name="connsiteY2" fmla="*/ 6861177 h 6861177"/>
              <a:gd name="connsiteX3" fmla="*/ 0 w 8537493"/>
              <a:gd name="connsiteY3" fmla="*/ 6861177 h 6861177"/>
              <a:gd name="connsiteX4" fmla="*/ 0 w 8537493"/>
              <a:gd name="connsiteY4" fmla="*/ 0 h 6861177"/>
              <a:gd name="connsiteX0" fmla="*/ 0 w 8300935"/>
              <a:gd name="connsiteY0" fmla="*/ 31 h 6861208"/>
              <a:gd name="connsiteX1" fmla="*/ 7707627 w 8300935"/>
              <a:gd name="connsiteY1" fmla="*/ 31 h 6861208"/>
              <a:gd name="connsiteX2" fmla="*/ 8299450 w 8300935"/>
              <a:gd name="connsiteY2" fmla="*/ 6861208 h 6861208"/>
              <a:gd name="connsiteX3" fmla="*/ 0 w 8300935"/>
              <a:gd name="connsiteY3" fmla="*/ 6861208 h 6861208"/>
              <a:gd name="connsiteX4" fmla="*/ 0 w 8300935"/>
              <a:gd name="connsiteY4" fmla="*/ 31 h 6861208"/>
              <a:gd name="connsiteX0" fmla="*/ 2250831 w 8300935"/>
              <a:gd name="connsiteY0" fmla="*/ 0 h 6878762"/>
              <a:gd name="connsiteX1" fmla="*/ 7707627 w 8300935"/>
              <a:gd name="connsiteY1" fmla="*/ 17585 h 6878762"/>
              <a:gd name="connsiteX2" fmla="*/ 8299450 w 8300935"/>
              <a:gd name="connsiteY2" fmla="*/ 6878762 h 6878762"/>
              <a:gd name="connsiteX3" fmla="*/ 0 w 8300935"/>
              <a:gd name="connsiteY3" fmla="*/ 6878762 h 6878762"/>
              <a:gd name="connsiteX4" fmla="*/ 2250831 w 8300935"/>
              <a:gd name="connsiteY4" fmla="*/ 0 h 6878762"/>
              <a:gd name="connsiteX0" fmla="*/ 1213339 w 8300935"/>
              <a:gd name="connsiteY0" fmla="*/ 32 h 6861209"/>
              <a:gd name="connsiteX1" fmla="*/ 7707627 w 8300935"/>
              <a:gd name="connsiteY1" fmla="*/ 32 h 6861209"/>
              <a:gd name="connsiteX2" fmla="*/ 8299450 w 8300935"/>
              <a:gd name="connsiteY2" fmla="*/ 6861209 h 6861209"/>
              <a:gd name="connsiteX3" fmla="*/ 0 w 8300935"/>
              <a:gd name="connsiteY3" fmla="*/ 6861209 h 6861209"/>
              <a:gd name="connsiteX4" fmla="*/ 1213339 w 8300935"/>
              <a:gd name="connsiteY4" fmla="*/ 32 h 6861209"/>
              <a:gd name="connsiteX0" fmla="*/ 87924 w 7175520"/>
              <a:gd name="connsiteY0" fmla="*/ 32 h 6878794"/>
              <a:gd name="connsiteX1" fmla="*/ 6582212 w 7175520"/>
              <a:gd name="connsiteY1" fmla="*/ 32 h 6878794"/>
              <a:gd name="connsiteX2" fmla="*/ 7174035 w 7175520"/>
              <a:gd name="connsiteY2" fmla="*/ 6861209 h 6878794"/>
              <a:gd name="connsiteX3" fmla="*/ 0 w 7175520"/>
              <a:gd name="connsiteY3" fmla="*/ 6878794 h 6878794"/>
              <a:gd name="connsiteX4" fmla="*/ 87924 w 7175520"/>
              <a:gd name="connsiteY4" fmla="*/ 32 h 6878794"/>
              <a:gd name="connsiteX0" fmla="*/ 70339 w 7175520"/>
              <a:gd name="connsiteY0" fmla="*/ 32 h 6878794"/>
              <a:gd name="connsiteX1" fmla="*/ 6582212 w 7175520"/>
              <a:gd name="connsiteY1" fmla="*/ 32 h 6878794"/>
              <a:gd name="connsiteX2" fmla="*/ 7174035 w 7175520"/>
              <a:gd name="connsiteY2" fmla="*/ 6861209 h 6878794"/>
              <a:gd name="connsiteX3" fmla="*/ 0 w 7175520"/>
              <a:gd name="connsiteY3" fmla="*/ 6878794 h 6878794"/>
              <a:gd name="connsiteX4" fmla="*/ 70339 w 7175520"/>
              <a:gd name="connsiteY4" fmla="*/ 32 h 6878794"/>
              <a:gd name="connsiteX0" fmla="*/ 35170 w 7140351"/>
              <a:gd name="connsiteY0" fmla="*/ 32 h 6861209"/>
              <a:gd name="connsiteX1" fmla="*/ 6547043 w 7140351"/>
              <a:gd name="connsiteY1" fmla="*/ 32 h 6861209"/>
              <a:gd name="connsiteX2" fmla="*/ 7138866 w 7140351"/>
              <a:gd name="connsiteY2" fmla="*/ 6861209 h 6861209"/>
              <a:gd name="connsiteX3" fmla="*/ 0 w 7140351"/>
              <a:gd name="connsiteY3" fmla="*/ 6843625 h 6861209"/>
              <a:gd name="connsiteX4" fmla="*/ 35170 w 7140351"/>
              <a:gd name="connsiteY4" fmla="*/ 32 h 6861209"/>
              <a:gd name="connsiteX0" fmla="*/ 1 w 7140351"/>
              <a:gd name="connsiteY0" fmla="*/ 32 h 6861209"/>
              <a:gd name="connsiteX1" fmla="*/ 6547043 w 7140351"/>
              <a:gd name="connsiteY1" fmla="*/ 32 h 6861209"/>
              <a:gd name="connsiteX2" fmla="*/ 7138866 w 7140351"/>
              <a:gd name="connsiteY2" fmla="*/ 6861209 h 6861209"/>
              <a:gd name="connsiteX3" fmla="*/ 0 w 7140351"/>
              <a:gd name="connsiteY3" fmla="*/ 6843625 h 6861209"/>
              <a:gd name="connsiteX4" fmla="*/ 1 w 7140351"/>
              <a:gd name="connsiteY4" fmla="*/ 32 h 6861209"/>
              <a:gd name="connsiteX0" fmla="*/ 40195 w 7180545"/>
              <a:gd name="connsiteY0" fmla="*/ 32 h 6873771"/>
              <a:gd name="connsiteX1" fmla="*/ 6587237 w 7180545"/>
              <a:gd name="connsiteY1" fmla="*/ 32 h 6873771"/>
              <a:gd name="connsiteX2" fmla="*/ 7179060 w 7180545"/>
              <a:gd name="connsiteY2" fmla="*/ 6861209 h 6873771"/>
              <a:gd name="connsiteX3" fmla="*/ 0 w 7180545"/>
              <a:gd name="connsiteY3" fmla="*/ 6873771 h 6873771"/>
              <a:gd name="connsiteX4" fmla="*/ 40195 w 7180545"/>
              <a:gd name="connsiteY4" fmla="*/ 32 h 6873771"/>
              <a:gd name="connsiteX0" fmla="*/ 0 w 7140350"/>
              <a:gd name="connsiteY0" fmla="*/ 32 h 6888761"/>
              <a:gd name="connsiteX1" fmla="*/ 6547042 w 7140350"/>
              <a:gd name="connsiteY1" fmla="*/ 32 h 6888761"/>
              <a:gd name="connsiteX2" fmla="*/ 7138865 w 7140350"/>
              <a:gd name="connsiteY2" fmla="*/ 6861209 h 6888761"/>
              <a:gd name="connsiteX3" fmla="*/ 4775 w 7140350"/>
              <a:gd name="connsiteY3" fmla="*/ 6888761 h 6888761"/>
              <a:gd name="connsiteX4" fmla="*/ 0 w 7140350"/>
              <a:gd name="connsiteY4" fmla="*/ 32 h 6888761"/>
              <a:gd name="connsiteX0" fmla="*/ 0 w 7140350"/>
              <a:gd name="connsiteY0" fmla="*/ 32 h 6888761"/>
              <a:gd name="connsiteX1" fmla="*/ 6547042 w 7140350"/>
              <a:gd name="connsiteY1" fmla="*/ 32 h 6888761"/>
              <a:gd name="connsiteX2" fmla="*/ 7138865 w 7140350"/>
              <a:gd name="connsiteY2" fmla="*/ 6861209 h 6888761"/>
              <a:gd name="connsiteX3" fmla="*/ 4775 w 7140350"/>
              <a:gd name="connsiteY3" fmla="*/ 6888761 h 6888761"/>
              <a:gd name="connsiteX4" fmla="*/ 0 w 7140350"/>
              <a:gd name="connsiteY4" fmla="*/ 32 h 6888761"/>
              <a:gd name="connsiteX0" fmla="*/ 0 w 7140350"/>
              <a:gd name="connsiteY0" fmla="*/ 32 h 6888761"/>
              <a:gd name="connsiteX1" fmla="*/ 6547042 w 7140350"/>
              <a:gd name="connsiteY1" fmla="*/ 32 h 6888761"/>
              <a:gd name="connsiteX2" fmla="*/ 7138865 w 7140350"/>
              <a:gd name="connsiteY2" fmla="*/ 6861209 h 6888761"/>
              <a:gd name="connsiteX3" fmla="*/ 4775 w 7140350"/>
              <a:gd name="connsiteY3" fmla="*/ 6888761 h 6888761"/>
              <a:gd name="connsiteX4" fmla="*/ 0 w 7140350"/>
              <a:gd name="connsiteY4" fmla="*/ 32 h 6888761"/>
              <a:gd name="connsiteX0" fmla="*/ 0 w 7140350"/>
              <a:gd name="connsiteY0" fmla="*/ 32 h 6888761"/>
              <a:gd name="connsiteX1" fmla="*/ 6547042 w 7140350"/>
              <a:gd name="connsiteY1" fmla="*/ 32 h 6888761"/>
              <a:gd name="connsiteX2" fmla="*/ 7138865 w 7140350"/>
              <a:gd name="connsiteY2" fmla="*/ 6861209 h 6888761"/>
              <a:gd name="connsiteX3" fmla="*/ 4775 w 7140350"/>
              <a:gd name="connsiteY3" fmla="*/ 6888761 h 6888761"/>
              <a:gd name="connsiteX4" fmla="*/ 0 w 7140350"/>
              <a:gd name="connsiteY4" fmla="*/ 32 h 688876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7140350" h="6888761">
                <a:moveTo>
                  <a:pt x="0" y="32"/>
                </a:moveTo>
                <a:lnTo>
                  <a:pt x="6547042" y="32"/>
                </a:lnTo>
                <a:cubicBezTo>
                  <a:pt x="6541099" y="-17022"/>
                  <a:pt x="7174961" y="6843096"/>
                  <a:pt x="7138865" y="6861209"/>
                </a:cubicBezTo>
                <a:lnTo>
                  <a:pt x="4775" y="6888761"/>
                </a:lnTo>
                <a:cubicBezTo>
                  <a:pt x="884" y="6887791"/>
                  <a:pt x="0" y="2281230"/>
                  <a:pt x="0" y="32"/>
                </a:cubicBez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0800" y="1941513"/>
            <a:ext cx="5283625" cy="2211941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0800" y="4221131"/>
            <a:ext cx="5316211" cy="1727231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11" name="Text Placeholder 15">
            <a:extLst>
              <a:ext uri="{FF2B5EF4-FFF2-40B4-BE49-F238E27FC236}">
                <a16:creationId xmlns:a16="http://schemas.microsoft.com/office/drawing/2014/main" id="{13492851-79F2-4AA0-B822-7C538D60377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5970588"/>
            <a:ext cx="5599673" cy="334261"/>
          </a:xfrm>
        </p:spPr>
        <p:txBody>
          <a:bodyPr anchor="b"/>
          <a:lstStyle>
            <a:lvl1pPr>
              <a:buNone/>
              <a:defRPr sz="12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  <a:endParaRPr lang="en-GB"/>
          </a:p>
        </p:txBody>
      </p:sp>
      <p:sp>
        <p:nvSpPr>
          <p:cNvPr id="12" name="Picture Placeholder 34">
            <a:extLst>
              <a:ext uri="{FF2B5EF4-FFF2-40B4-BE49-F238E27FC236}">
                <a16:creationId xmlns:a16="http://schemas.microsoft.com/office/drawing/2014/main" id="{B7725E52-7CB4-4322-B59D-0124E7007860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6354824" y="-3174"/>
            <a:ext cx="5840953" cy="6879014"/>
          </a:xfrm>
          <a:custGeom>
            <a:avLst/>
            <a:gdLst>
              <a:gd name="connsiteX0" fmla="*/ 0 w 10000"/>
              <a:gd name="connsiteY0" fmla="*/ 2000 h 10000"/>
              <a:gd name="connsiteX1" fmla="*/ 2000 w 10000"/>
              <a:gd name="connsiteY1" fmla="*/ 0 h 10000"/>
              <a:gd name="connsiteX2" fmla="*/ 10000 w 10000"/>
              <a:gd name="connsiteY2" fmla="*/ 0 h 10000"/>
              <a:gd name="connsiteX3" fmla="*/ 10000 w 10000"/>
              <a:gd name="connsiteY3" fmla="*/ 10000 h 10000"/>
              <a:gd name="connsiteX4" fmla="*/ 0 w 10000"/>
              <a:gd name="connsiteY4" fmla="*/ 10000 h 10000"/>
              <a:gd name="connsiteX5" fmla="*/ 0 w 10000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37 w 10037"/>
              <a:gd name="connsiteY4" fmla="*/ 10000 h 10000"/>
              <a:gd name="connsiteX5" fmla="*/ 37 w 10037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37 w 10037"/>
              <a:gd name="connsiteY5" fmla="*/ 2000 h 10000"/>
              <a:gd name="connsiteX0" fmla="*/ 292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292 w 10037"/>
              <a:gd name="connsiteY5" fmla="*/ 2000 h 10000"/>
              <a:gd name="connsiteX0" fmla="*/ 1463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0" fmla="*/ 1368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368 w 10037"/>
              <a:gd name="connsiteY4" fmla="*/ 10000 h 10000"/>
              <a:gd name="connsiteX0" fmla="*/ 1368 w 12976"/>
              <a:gd name="connsiteY0" fmla="*/ 10000 h 10000"/>
              <a:gd name="connsiteX1" fmla="*/ 0 w 12976"/>
              <a:gd name="connsiteY1" fmla="*/ 0 h 10000"/>
              <a:gd name="connsiteX2" fmla="*/ 12976 w 12976"/>
              <a:gd name="connsiteY2" fmla="*/ 0 h 10000"/>
              <a:gd name="connsiteX3" fmla="*/ 10037 w 12976"/>
              <a:gd name="connsiteY3" fmla="*/ 10000 h 10000"/>
              <a:gd name="connsiteX4" fmla="*/ 1368 w 12976"/>
              <a:gd name="connsiteY4" fmla="*/ 10000 h 10000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2976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3004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15" h="10026">
                <a:moveTo>
                  <a:pt x="1368" y="10000"/>
                </a:moveTo>
                <a:lnTo>
                  <a:pt x="0" y="0"/>
                </a:lnTo>
                <a:lnTo>
                  <a:pt x="13004" y="0"/>
                </a:lnTo>
                <a:cubicBezTo>
                  <a:pt x="13008" y="3342"/>
                  <a:pt x="13011" y="6684"/>
                  <a:pt x="13015" y="10026"/>
                </a:cubicBezTo>
                <a:lnTo>
                  <a:pt x="1368" y="10000"/>
                </a:lnTo>
                <a:close/>
              </a:path>
            </a:pathLst>
          </a:custGeom>
          <a:noFill/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endParaRPr lang="en-GB" dirty="0"/>
          </a:p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Insert image from Image bank</a:t>
            </a:r>
            <a:endParaRPr lang="en-GB"/>
          </a:p>
        </p:txBody>
      </p:sp>
      <p:pic>
        <p:nvPicPr>
          <p:cNvPr id="6" name="image" descr="{&quot;templafy&quot;:{&quot;id&quot;:&quot;2dd7ae7e-6df6-4b53-ab83-5a13672a0f17&quot;}}" title="Form.Brand.LogoNeg_tl">
            <a:extLst>
              <a:ext uri="{FF2B5EF4-FFF2-40B4-BE49-F238E27FC236}">
                <a16:creationId xmlns:a16="http://schemas.microsoft.com/office/drawing/2014/main" id="{2A3CAD06-9866-B442-BF17-E244D1444E0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0800" y="601509"/>
            <a:ext cx="2848696" cy="720000"/>
          </a:xfrm>
          <a:prstGeom prst="rect">
            <a:avLst/>
          </a:prstGeom>
        </p:spPr>
      </p:pic>
      <p:sp>
        <p:nvSpPr>
          <p:cNvPr id="15" name="date" descr="{&quot;templafy&quot;:{&quot;id&quot;:&quot;33c6b88f-8457-487c-8602-abdebf95636e&quot;}}" title="Form.Date">
            <a:extLst>
              <a:ext uri="{FF2B5EF4-FFF2-40B4-BE49-F238E27FC236}">
                <a16:creationId xmlns:a16="http://schemas.microsoft.com/office/drawing/2014/main" id="{ABCB0F46-5D1B-4C43-ABAA-21A186A0AB99}"/>
              </a:ext>
            </a:extLst>
          </p:cNvPr>
          <p:cNvSpPr/>
          <p:nvPr userDrawn="1"/>
        </p:nvSpPr>
        <p:spPr>
          <a:xfrm>
            <a:off x="911225" y="6303059"/>
            <a:ext cx="2513013" cy="19780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en-GB" sz="1200" noProof="0" dirty="0">
              <a:solidFill>
                <a:schemeClr val="bg1"/>
              </a:solidFill>
            </a:endParaRPr>
          </a:p>
        </p:txBody>
      </p:sp>
      <p:sp>
        <p:nvSpPr>
          <p:cNvPr id="13" name="Pladsholder til sidefod 3">
            <a:extLst>
              <a:ext uri="{FF2B5EF4-FFF2-40B4-BE49-F238E27FC236}">
                <a16:creationId xmlns:a16="http://schemas.microsoft.com/office/drawing/2014/main" id="{6DBBCDEF-57A6-47CE-98D0-24CFD3D406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4">
            <a:extLst>
              <a:ext uri="{FF2B5EF4-FFF2-40B4-BE49-F238E27FC236}">
                <a16:creationId xmlns:a16="http://schemas.microsoft.com/office/drawing/2014/main" id="{25C5108C-E0BE-4637-9C10-B6F7E3A727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ransparent shape">
            <a:extLst>
              <a:ext uri="{FF2B5EF4-FFF2-40B4-BE49-F238E27FC236}">
                <a16:creationId xmlns:a16="http://schemas.microsoft.com/office/drawing/2014/main" id="{22E4BE84-E31F-42B7-BB64-8E4A533FCB0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flipV="1">
            <a:off x="6357159" y="-2677"/>
            <a:ext cx="2024236" cy="6877537"/>
          </a:xfrm>
          <a:custGeom>
            <a:avLst/>
            <a:gdLst>
              <a:gd name="connsiteX0" fmla="*/ 501062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0" fmla="*/ 447273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447273 w 2004247"/>
              <a:gd name="connsiteY4" fmla="*/ 0 h 6858000"/>
              <a:gd name="connsiteX0" fmla="*/ 529466 w 2004247"/>
              <a:gd name="connsiteY0" fmla="*/ 10274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529466 w 2004247"/>
              <a:gd name="connsiteY4" fmla="*/ 10274 h 6858000"/>
              <a:gd name="connsiteX0" fmla="*/ 529466 w 2004247"/>
              <a:gd name="connsiteY0" fmla="*/ 0 h 6878549"/>
              <a:gd name="connsiteX1" fmla="*/ 1503185 w 2004247"/>
              <a:gd name="connsiteY1" fmla="*/ 20549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29466 w 2004247"/>
              <a:gd name="connsiteY0" fmla="*/ 0 h 6878549"/>
              <a:gd name="connsiteX1" fmla="*/ 1492911 w 2004247"/>
              <a:gd name="connsiteY1" fmla="*/ 10275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91111 w 2065892"/>
              <a:gd name="connsiteY0" fmla="*/ 0 h 6878549"/>
              <a:gd name="connsiteX1" fmla="*/ 1554556 w 2065892"/>
              <a:gd name="connsiteY1" fmla="*/ 10275 h 6878549"/>
              <a:gd name="connsiteX2" fmla="*/ 2065892 w 2065892"/>
              <a:gd name="connsiteY2" fmla="*/ 6878549 h 6878549"/>
              <a:gd name="connsiteX3" fmla="*/ 0 w 2065892"/>
              <a:gd name="connsiteY3" fmla="*/ 6878549 h 6878549"/>
              <a:gd name="connsiteX4" fmla="*/ 591111 w 2065892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15125 h 6893674"/>
              <a:gd name="connsiteX1" fmla="*/ 1554556 w 2035070"/>
              <a:gd name="connsiteY1" fmla="*/ 0 h 6893674"/>
              <a:gd name="connsiteX2" fmla="*/ 2035070 w 2035070"/>
              <a:gd name="connsiteY2" fmla="*/ 6893674 h 6893674"/>
              <a:gd name="connsiteX3" fmla="*/ 0 w 2035070"/>
              <a:gd name="connsiteY3" fmla="*/ 6893674 h 6893674"/>
              <a:gd name="connsiteX4" fmla="*/ 591111 w 2035070"/>
              <a:gd name="connsiteY4" fmla="*/ 15125 h 6893674"/>
              <a:gd name="connsiteX0" fmla="*/ 580258 w 2024217"/>
              <a:gd name="connsiteY0" fmla="*/ 15125 h 6893674"/>
              <a:gd name="connsiteX1" fmla="*/ 1543703 w 2024217"/>
              <a:gd name="connsiteY1" fmla="*/ 0 h 6893674"/>
              <a:gd name="connsiteX2" fmla="*/ 2024217 w 2024217"/>
              <a:gd name="connsiteY2" fmla="*/ 6893674 h 6893674"/>
              <a:gd name="connsiteX3" fmla="*/ 0 w 2024217"/>
              <a:gd name="connsiteY3" fmla="*/ 6893674 h 6893674"/>
              <a:gd name="connsiteX4" fmla="*/ 580258 w 2024217"/>
              <a:gd name="connsiteY4" fmla="*/ 15125 h 6893674"/>
              <a:gd name="connsiteX0" fmla="*/ 580285 w 2024244"/>
              <a:gd name="connsiteY0" fmla="*/ 1512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80285 w 2024244"/>
              <a:gd name="connsiteY4" fmla="*/ 1512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17838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17838 h 6893674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5725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5725 h 6877537"/>
              <a:gd name="connsiteX0" fmla="*/ 604887 w 2024243"/>
              <a:gd name="connsiteY0" fmla="*/ 1700 h 6877537"/>
              <a:gd name="connsiteX1" fmla="*/ 1543729 w 2024243"/>
              <a:gd name="connsiteY1" fmla="*/ 0 h 6877537"/>
              <a:gd name="connsiteX2" fmla="*/ 2024243 w 2024243"/>
              <a:gd name="connsiteY2" fmla="*/ 6877537 h 6877537"/>
              <a:gd name="connsiteX3" fmla="*/ 26 w 2024243"/>
              <a:gd name="connsiteY3" fmla="*/ 6877537 h 6877537"/>
              <a:gd name="connsiteX4" fmla="*/ 604887 w 2024243"/>
              <a:gd name="connsiteY4" fmla="*/ 1700 h 6877537"/>
              <a:gd name="connsiteX0" fmla="*/ 604880 w 2024236"/>
              <a:gd name="connsiteY0" fmla="*/ 1700 h 6877537"/>
              <a:gd name="connsiteX1" fmla="*/ 1543722 w 2024236"/>
              <a:gd name="connsiteY1" fmla="*/ 0 h 6877537"/>
              <a:gd name="connsiteX2" fmla="*/ 2024236 w 2024236"/>
              <a:gd name="connsiteY2" fmla="*/ 6877537 h 6877537"/>
              <a:gd name="connsiteX3" fmla="*/ 19 w 2024236"/>
              <a:gd name="connsiteY3" fmla="*/ 6877537 h 6877537"/>
              <a:gd name="connsiteX4" fmla="*/ 604880 w 2024236"/>
              <a:gd name="connsiteY4" fmla="*/ 1700 h 687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24236" h="6877537">
                <a:moveTo>
                  <a:pt x="604880" y="1700"/>
                </a:moveTo>
                <a:cubicBezTo>
                  <a:pt x="607661" y="4799"/>
                  <a:pt x="1530119" y="7755"/>
                  <a:pt x="1543722" y="0"/>
                </a:cubicBezTo>
                <a:cubicBezTo>
                  <a:pt x="1703893" y="2289425"/>
                  <a:pt x="2018177" y="6848427"/>
                  <a:pt x="2024236" y="6877537"/>
                </a:cubicBezTo>
                <a:lnTo>
                  <a:pt x="19" y="6877537"/>
                </a:lnTo>
                <a:cubicBezTo>
                  <a:pt x="-3901" y="6878894"/>
                  <a:pt x="611763" y="-3910"/>
                  <a:pt x="604880" y="1700"/>
                </a:cubicBezTo>
                <a:close/>
              </a:path>
            </a:pathLst>
          </a:custGeom>
          <a:solidFill>
            <a:schemeClr val="bg1">
              <a:alpha val="5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  <a:endParaRPr lang="en-GB"/>
          </a:p>
        </p:txBody>
      </p:sp>
      <p:sp>
        <p:nvSpPr>
          <p:cNvPr id="17" name="Date_GeneralDate" hidden="1">
            <a:extLst>
              <a:ext uri="{FF2B5EF4-FFF2-40B4-BE49-F238E27FC236}">
                <a16:creationId xmlns:a16="http://schemas.microsoft.com/office/drawing/2014/main" id="{87315A7F-F7E2-4DBB-9FF1-18504E18D55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6027184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ext 1 column Title 1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367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0800" y="1520825"/>
            <a:ext cx="10836700" cy="44011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2D8AC7DC-2103-2541-89A6-BD6583E080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Date_GeneralDate" hidden="1">
            <a:extLst>
              <a:ext uri="{FF2B5EF4-FFF2-40B4-BE49-F238E27FC236}">
                <a16:creationId xmlns:a16="http://schemas.microsoft.com/office/drawing/2014/main" id="{A9450569-008E-47C9-AF30-C34991C738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234122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1 column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6E30E871-DBD1-4C23-A03B-88158715093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910800" y="1310481"/>
            <a:ext cx="10848895" cy="631032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1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D8572E7-C26F-4708-AC43-072DFD32E8E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0800" y="1941513"/>
            <a:ext cx="10848895" cy="40068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B4DB2BAD-30AF-7248-9CEB-625A8026B8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Date_GeneralDate" hidden="1">
            <a:extLst>
              <a:ext uri="{FF2B5EF4-FFF2-40B4-BE49-F238E27FC236}">
                <a16:creationId xmlns:a16="http://schemas.microsoft.com/office/drawing/2014/main" id="{2E8F6BAA-D5C9-448F-8971-E3813E6007A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4484900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ext 1 column Title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3670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0800" y="1944000"/>
            <a:ext cx="10836700" cy="397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2D8AC7DC-2103-2541-89A6-BD6583E080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Date_GeneralDate" hidden="1">
            <a:extLst>
              <a:ext uri="{FF2B5EF4-FFF2-40B4-BE49-F238E27FC236}">
                <a16:creationId xmlns:a16="http://schemas.microsoft.com/office/drawing/2014/main" id="{12F9F496-DC18-4CDC-AF0A-8408348AFC6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07461741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ext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1225" y="606426"/>
            <a:ext cx="10836276" cy="9144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910800" y="1520826"/>
            <a:ext cx="5282049" cy="440117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446838" y="1520826"/>
            <a:ext cx="5282049" cy="440117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9" name="FLD_PresentationTitle">
            <a:extLst>
              <a:ext uri="{FF2B5EF4-FFF2-40B4-BE49-F238E27FC236}">
                <a16:creationId xmlns:a16="http://schemas.microsoft.com/office/drawing/2014/main" id="{491EACB8-676F-3749-8435-767D987051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Date_GeneralDate" hidden="1">
            <a:extLst>
              <a:ext uri="{FF2B5EF4-FFF2-40B4-BE49-F238E27FC236}">
                <a16:creationId xmlns:a16="http://schemas.microsoft.com/office/drawing/2014/main" id="{A83B2401-09D9-4688-8C04-CDDE6348F64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899576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2 columns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6E30E871-DBD1-4C23-A03B-88158715093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910800" y="1520825"/>
            <a:ext cx="5264263" cy="56353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1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AA18529F-7C47-4E17-B4F4-70A35B6F0AB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61674" y="1520825"/>
            <a:ext cx="5294425" cy="565200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D8572E7-C26F-4708-AC43-072DFD32E8E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0800" y="2083731"/>
            <a:ext cx="5264263" cy="386463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D3765AA7-BF08-4F50-BF38-A5D945144B0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446838" y="2083731"/>
            <a:ext cx="5301095" cy="386463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B4DB2BAD-30AF-7248-9CEB-625A8026B8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E907D709-3B1F-4F36-9DB0-2750FDA2DDD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366718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475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08C49F6C-82FB-4202-A9FE-D33777E339EE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453074" y="1520825"/>
            <a:ext cx="5294426" cy="2882487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4652873"/>
            <a:ext cx="5294425" cy="262444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1" i="0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6446838" y="4652873"/>
            <a:ext cx="5295600" cy="262444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  <a:endParaRPr lang="en-GB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A4F95CD8-C53C-418B-8CE7-7E42C91567D4}"/>
              </a:ext>
            </a:extLst>
          </p:cNvPr>
          <p:cNvSpPr>
            <a:spLocks noGrp="1"/>
          </p:cNvSpPr>
          <p:nvPr>
            <p:ph type="body" idx="18" hasCustomPrompt="1"/>
          </p:nvPr>
        </p:nvSpPr>
        <p:spPr>
          <a:xfrm>
            <a:off x="910800" y="4976723"/>
            <a:ext cx="5294425" cy="971640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0" i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20B6C34D-A0EE-46AE-AD3D-65609DC12D7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46838" y="4976723"/>
            <a:ext cx="5300662" cy="971640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15" name="Content Placeholder 20">
            <a:extLst>
              <a:ext uri="{FF2B5EF4-FFF2-40B4-BE49-F238E27FC236}">
                <a16:creationId xmlns:a16="http://schemas.microsoft.com/office/drawing/2014/main" id="{0591F093-FB2E-6548-A8E9-B68BAC488C07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11225" y="1520824"/>
            <a:ext cx="5294426" cy="2882487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910800" y="6277560"/>
            <a:ext cx="394920" cy="180000"/>
          </a:xfr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4" name="FLD_PresentationTitle">
            <a:extLst>
              <a:ext uri="{FF2B5EF4-FFF2-40B4-BE49-F238E27FC236}">
                <a16:creationId xmlns:a16="http://schemas.microsoft.com/office/drawing/2014/main" id="{058A917C-1014-7148-9903-12F67659F738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Date_GeneralDate" hidden="1">
            <a:extLst>
              <a:ext uri="{FF2B5EF4-FFF2-40B4-BE49-F238E27FC236}">
                <a16:creationId xmlns:a16="http://schemas.microsoft.com/office/drawing/2014/main" id="{A72B3942-957A-4B46-935F-333CE5AE3E4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5306580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475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1639333C-621A-4198-9AA3-81AC3DA6E5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10800" y="1520825"/>
            <a:ext cx="3448163" cy="2226363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4010275"/>
            <a:ext cx="3448163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 i="0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4604331" y="4010275"/>
            <a:ext cx="3449637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D52EEC7-C984-4803-8EBC-DE4817DE23A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299336" y="4010275"/>
            <a:ext cx="3448164" cy="300551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headline</a:t>
            </a:r>
            <a:endParaRPr lang="en-GB"/>
          </a:p>
        </p:txBody>
      </p:sp>
      <p:sp>
        <p:nvSpPr>
          <p:cNvPr id="12" name="Content Placeholder 18">
            <a:extLst>
              <a:ext uri="{FF2B5EF4-FFF2-40B4-BE49-F238E27FC236}">
                <a16:creationId xmlns:a16="http://schemas.microsoft.com/office/drawing/2014/main" id="{7B9FB339-F8FE-4CEF-A1D2-59B79FE0CB38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605125" y="1520825"/>
            <a:ext cx="3448163" cy="2226363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13" name="Content Placeholder 18">
            <a:extLst>
              <a:ext uri="{FF2B5EF4-FFF2-40B4-BE49-F238E27FC236}">
                <a16:creationId xmlns:a16="http://schemas.microsoft.com/office/drawing/2014/main" id="{A46FB0D7-4284-4A8E-BE04-325186BD6AFB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8299450" y="1520825"/>
            <a:ext cx="3448050" cy="2226363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BB9CB4EC-6D48-41AB-B344-F467AF161907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910800" y="4372224"/>
            <a:ext cx="3448163" cy="1576139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 i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26E7806D-ED9D-404B-92CB-7767041EF37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604331" y="4372224"/>
            <a:ext cx="3449637" cy="1576139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17" name="Text Placeholder 10">
            <a:extLst>
              <a:ext uri="{FF2B5EF4-FFF2-40B4-BE49-F238E27FC236}">
                <a16:creationId xmlns:a16="http://schemas.microsoft.com/office/drawing/2014/main" id="{30611C6F-6A23-4809-9530-DB0ADED1837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299336" y="4372224"/>
            <a:ext cx="3448164" cy="1576139"/>
          </a:xfrm>
        </p:spPr>
        <p:txBody>
          <a:bodyPr/>
          <a:lstStyle>
            <a:lvl1pPr marL="0" indent="0">
              <a:buNone/>
              <a:defRPr b="0">
                <a:solidFill>
                  <a:schemeClr val="accent3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0B75EACF-5A11-2A42-8647-3430880DB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Date_GeneralDate" hidden="1">
            <a:extLst>
              <a:ext uri="{FF2B5EF4-FFF2-40B4-BE49-F238E27FC236}">
                <a16:creationId xmlns:a16="http://schemas.microsoft.com/office/drawing/2014/main" id="{3D68717B-E60D-44E1-A96B-6E8894008DF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18998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vertical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Freeform: Shape 39">
            <a:extLst>
              <a:ext uri="{FF2B5EF4-FFF2-40B4-BE49-F238E27FC236}">
                <a16:creationId xmlns:a16="http://schemas.microsoft.com/office/drawing/2014/main" id="{F6F182ED-AAEB-4A67-B95E-EB30254FF8E5}"/>
              </a:ext>
            </a:extLst>
          </p:cNvPr>
          <p:cNvSpPr/>
          <p:nvPr userDrawn="1"/>
        </p:nvSpPr>
        <p:spPr>
          <a:xfrm>
            <a:off x="-21998" y="-32"/>
            <a:ext cx="7140350" cy="6888761"/>
          </a:xfrm>
          <a:custGeom>
            <a:avLst/>
            <a:gdLst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775944 h 6861177"/>
              <a:gd name="connsiteX4" fmla="*/ 8299450 w 8299450"/>
              <a:gd name="connsiteY4" fmla="*/ 6861177 h 6861177"/>
              <a:gd name="connsiteX5" fmla="*/ 0 w 8299450"/>
              <a:gd name="connsiteY5" fmla="*/ 6861177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775944 h 6861177"/>
              <a:gd name="connsiteX4" fmla="*/ 8299450 w 8299450"/>
              <a:gd name="connsiteY4" fmla="*/ 6861177 h 6861177"/>
              <a:gd name="connsiteX5" fmla="*/ 0 w 8299450"/>
              <a:gd name="connsiteY5" fmla="*/ 6861177 h 6861177"/>
              <a:gd name="connsiteX6" fmla="*/ 0 w 8299450"/>
              <a:gd name="connsiteY6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9044461"/>
              <a:gd name="connsiteY0" fmla="*/ 0 h 6861177"/>
              <a:gd name="connsiteX1" fmla="*/ 7707627 w 9044461"/>
              <a:gd name="connsiteY1" fmla="*/ 0 h 6861177"/>
              <a:gd name="connsiteX2" fmla="*/ 8299450 w 9044461"/>
              <a:gd name="connsiteY2" fmla="*/ 6861177 h 6861177"/>
              <a:gd name="connsiteX3" fmla="*/ 0 w 9044461"/>
              <a:gd name="connsiteY3" fmla="*/ 6861177 h 6861177"/>
              <a:gd name="connsiteX4" fmla="*/ 0 w 9044461"/>
              <a:gd name="connsiteY4" fmla="*/ 0 h 6861177"/>
              <a:gd name="connsiteX0" fmla="*/ 0 w 8537493"/>
              <a:gd name="connsiteY0" fmla="*/ 0 h 6861177"/>
              <a:gd name="connsiteX1" fmla="*/ 7707627 w 8537493"/>
              <a:gd name="connsiteY1" fmla="*/ 0 h 6861177"/>
              <a:gd name="connsiteX2" fmla="*/ 8299450 w 8537493"/>
              <a:gd name="connsiteY2" fmla="*/ 6861177 h 6861177"/>
              <a:gd name="connsiteX3" fmla="*/ 0 w 8537493"/>
              <a:gd name="connsiteY3" fmla="*/ 6861177 h 6861177"/>
              <a:gd name="connsiteX4" fmla="*/ 0 w 8537493"/>
              <a:gd name="connsiteY4" fmla="*/ 0 h 6861177"/>
              <a:gd name="connsiteX0" fmla="*/ 0 w 8300935"/>
              <a:gd name="connsiteY0" fmla="*/ 31 h 6861208"/>
              <a:gd name="connsiteX1" fmla="*/ 7707627 w 8300935"/>
              <a:gd name="connsiteY1" fmla="*/ 31 h 6861208"/>
              <a:gd name="connsiteX2" fmla="*/ 8299450 w 8300935"/>
              <a:gd name="connsiteY2" fmla="*/ 6861208 h 6861208"/>
              <a:gd name="connsiteX3" fmla="*/ 0 w 8300935"/>
              <a:gd name="connsiteY3" fmla="*/ 6861208 h 6861208"/>
              <a:gd name="connsiteX4" fmla="*/ 0 w 8300935"/>
              <a:gd name="connsiteY4" fmla="*/ 31 h 6861208"/>
              <a:gd name="connsiteX0" fmla="*/ 2250831 w 8300935"/>
              <a:gd name="connsiteY0" fmla="*/ 0 h 6878762"/>
              <a:gd name="connsiteX1" fmla="*/ 7707627 w 8300935"/>
              <a:gd name="connsiteY1" fmla="*/ 17585 h 6878762"/>
              <a:gd name="connsiteX2" fmla="*/ 8299450 w 8300935"/>
              <a:gd name="connsiteY2" fmla="*/ 6878762 h 6878762"/>
              <a:gd name="connsiteX3" fmla="*/ 0 w 8300935"/>
              <a:gd name="connsiteY3" fmla="*/ 6878762 h 6878762"/>
              <a:gd name="connsiteX4" fmla="*/ 2250831 w 8300935"/>
              <a:gd name="connsiteY4" fmla="*/ 0 h 6878762"/>
              <a:gd name="connsiteX0" fmla="*/ 1213339 w 8300935"/>
              <a:gd name="connsiteY0" fmla="*/ 32 h 6861209"/>
              <a:gd name="connsiteX1" fmla="*/ 7707627 w 8300935"/>
              <a:gd name="connsiteY1" fmla="*/ 32 h 6861209"/>
              <a:gd name="connsiteX2" fmla="*/ 8299450 w 8300935"/>
              <a:gd name="connsiteY2" fmla="*/ 6861209 h 6861209"/>
              <a:gd name="connsiteX3" fmla="*/ 0 w 8300935"/>
              <a:gd name="connsiteY3" fmla="*/ 6861209 h 6861209"/>
              <a:gd name="connsiteX4" fmla="*/ 1213339 w 8300935"/>
              <a:gd name="connsiteY4" fmla="*/ 32 h 6861209"/>
              <a:gd name="connsiteX0" fmla="*/ 87924 w 7175520"/>
              <a:gd name="connsiteY0" fmla="*/ 32 h 6878794"/>
              <a:gd name="connsiteX1" fmla="*/ 6582212 w 7175520"/>
              <a:gd name="connsiteY1" fmla="*/ 32 h 6878794"/>
              <a:gd name="connsiteX2" fmla="*/ 7174035 w 7175520"/>
              <a:gd name="connsiteY2" fmla="*/ 6861209 h 6878794"/>
              <a:gd name="connsiteX3" fmla="*/ 0 w 7175520"/>
              <a:gd name="connsiteY3" fmla="*/ 6878794 h 6878794"/>
              <a:gd name="connsiteX4" fmla="*/ 87924 w 7175520"/>
              <a:gd name="connsiteY4" fmla="*/ 32 h 6878794"/>
              <a:gd name="connsiteX0" fmla="*/ 70339 w 7175520"/>
              <a:gd name="connsiteY0" fmla="*/ 32 h 6878794"/>
              <a:gd name="connsiteX1" fmla="*/ 6582212 w 7175520"/>
              <a:gd name="connsiteY1" fmla="*/ 32 h 6878794"/>
              <a:gd name="connsiteX2" fmla="*/ 7174035 w 7175520"/>
              <a:gd name="connsiteY2" fmla="*/ 6861209 h 6878794"/>
              <a:gd name="connsiteX3" fmla="*/ 0 w 7175520"/>
              <a:gd name="connsiteY3" fmla="*/ 6878794 h 6878794"/>
              <a:gd name="connsiteX4" fmla="*/ 70339 w 7175520"/>
              <a:gd name="connsiteY4" fmla="*/ 32 h 6878794"/>
              <a:gd name="connsiteX0" fmla="*/ 35170 w 7140351"/>
              <a:gd name="connsiteY0" fmla="*/ 32 h 6861209"/>
              <a:gd name="connsiteX1" fmla="*/ 6547043 w 7140351"/>
              <a:gd name="connsiteY1" fmla="*/ 32 h 6861209"/>
              <a:gd name="connsiteX2" fmla="*/ 7138866 w 7140351"/>
              <a:gd name="connsiteY2" fmla="*/ 6861209 h 6861209"/>
              <a:gd name="connsiteX3" fmla="*/ 0 w 7140351"/>
              <a:gd name="connsiteY3" fmla="*/ 6843625 h 6861209"/>
              <a:gd name="connsiteX4" fmla="*/ 35170 w 7140351"/>
              <a:gd name="connsiteY4" fmla="*/ 32 h 6861209"/>
              <a:gd name="connsiteX0" fmla="*/ 1 w 7140351"/>
              <a:gd name="connsiteY0" fmla="*/ 32 h 6861209"/>
              <a:gd name="connsiteX1" fmla="*/ 6547043 w 7140351"/>
              <a:gd name="connsiteY1" fmla="*/ 32 h 6861209"/>
              <a:gd name="connsiteX2" fmla="*/ 7138866 w 7140351"/>
              <a:gd name="connsiteY2" fmla="*/ 6861209 h 6861209"/>
              <a:gd name="connsiteX3" fmla="*/ 0 w 7140351"/>
              <a:gd name="connsiteY3" fmla="*/ 6843625 h 6861209"/>
              <a:gd name="connsiteX4" fmla="*/ 1 w 7140351"/>
              <a:gd name="connsiteY4" fmla="*/ 32 h 6861209"/>
              <a:gd name="connsiteX0" fmla="*/ 40195 w 7180545"/>
              <a:gd name="connsiteY0" fmla="*/ 32 h 6873771"/>
              <a:gd name="connsiteX1" fmla="*/ 6587237 w 7180545"/>
              <a:gd name="connsiteY1" fmla="*/ 32 h 6873771"/>
              <a:gd name="connsiteX2" fmla="*/ 7179060 w 7180545"/>
              <a:gd name="connsiteY2" fmla="*/ 6861209 h 6873771"/>
              <a:gd name="connsiteX3" fmla="*/ 0 w 7180545"/>
              <a:gd name="connsiteY3" fmla="*/ 6873771 h 6873771"/>
              <a:gd name="connsiteX4" fmla="*/ 40195 w 7180545"/>
              <a:gd name="connsiteY4" fmla="*/ 32 h 6873771"/>
              <a:gd name="connsiteX0" fmla="*/ 0 w 7140350"/>
              <a:gd name="connsiteY0" fmla="*/ 32 h 6888761"/>
              <a:gd name="connsiteX1" fmla="*/ 6547042 w 7140350"/>
              <a:gd name="connsiteY1" fmla="*/ 32 h 6888761"/>
              <a:gd name="connsiteX2" fmla="*/ 7138865 w 7140350"/>
              <a:gd name="connsiteY2" fmla="*/ 6861209 h 6888761"/>
              <a:gd name="connsiteX3" fmla="*/ 4775 w 7140350"/>
              <a:gd name="connsiteY3" fmla="*/ 6888761 h 6888761"/>
              <a:gd name="connsiteX4" fmla="*/ 0 w 7140350"/>
              <a:gd name="connsiteY4" fmla="*/ 32 h 6888761"/>
              <a:gd name="connsiteX0" fmla="*/ 0 w 7140350"/>
              <a:gd name="connsiteY0" fmla="*/ 32 h 6888761"/>
              <a:gd name="connsiteX1" fmla="*/ 6547042 w 7140350"/>
              <a:gd name="connsiteY1" fmla="*/ 32 h 6888761"/>
              <a:gd name="connsiteX2" fmla="*/ 7138865 w 7140350"/>
              <a:gd name="connsiteY2" fmla="*/ 6861209 h 6888761"/>
              <a:gd name="connsiteX3" fmla="*/ 4775 w 7140350"/>
              <a:gd name="connsiteY3" fmla="*/ 6888761 h 6888761"/>
              <a:gd name="connsiteX4" fmla="*/ 0 w 7140350"/>
              <a:gd name="connsiteY4" fmla="*/ 32 h 6888761"/>
              <a:gd name="connsiteX0" fmla="*/ 0 w 7140350"/>
              <a:gd name="connsiteY0" fmla="*/ 32 h 6888761"/>
              <a:gd name="connsiteX1" fmla="*/ 6547042 w 7140350"/>
              <a:gd name="connsiteY1" fmla="*/ 32 h 6888761"/>
              <a:gd name="connsiteX2" fmla="*/ 7138865 w 7140350"/>
              <a:gd name="connsiteY2" fmla="*/ 6861209 h 6888761"/>
              <a:gd name="connsiteX3" fmla="*/ 4775 w 7140350"/>
              <a:gd name="connsiteY3" fmla="*/ 6888761 h 6888761"/>
              <a:gd name="connsiteX4" fmla="*/ 0 w 7140350"/>
              <a:gd name="connsiteY4" fmla="*/ 32 h 6888761"/>
              <a:gd name="connsiteX0" fmla="*/ 0 w 7140350"/>
              <a:gd name="connsiteY0" fmla="*/ 32 h 6888761"/>
              <a:gd name="connsiteX1" fmla="*/ 6547042 w 7140350"/>
              <a:gd name="connsiteY1" fmla="*/ 32 h 6888761"/>
              <a:gd name="connsiteX2" fmla="*/ 7138865 w 7140350"/>
              <a:gd name="connsiteY2" fmla="*/ 6861209 h 6888761"/>
              <a:gd name="connsiteX3" fmla="*/ 4775 w 7140350"/>
              <a:gd name="connsiteY3" fmla="*/ 6888761 h 6888761"/>
              <a:gd name="connsiteX4" fmla="*/ 0 w 7140350"/>
              <a:gd name="connsiteY4" fmla="*/ 32 h 688876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7140350" h="6888761">
                <a:moveTo>
                  <a:pt x="0" y="32"/>
                </a:moveTo>
                <a:lnTo>
                  <a:pt x="6547042" y="32"/>
                </a:lnTo>
                <a:cubicBezTo>
                  <a:pt x="6541099" y="-17022"/>
                  <a:pt x="7174961" y="6843096"/>
                  <a:pt x="7138865" y="6861209"/>
                </a:cubicBezTo>
                <a:lnTo>
                  <a:pt x="4775" y="6888761"/>
                </a:lnTo>
                <a:cubicBezTo>
                  <a:pt x="884" y="6887791"/>
                  <a:pt x="0" y="2281230"/>
                  <a:pt x="0" y="32"/>
                </a:cubicBez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0800" y="1941513"/>
            <a:ext cx="5283625" cy="2211941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0800" y="4221131"/>
            <a:ext cx="5316211" cy="1727231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:a16="http://schemas.microsoft.com/office/drawing/2014/main" id="{13492851-79F2-4AA0-B822-7C538D60377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5970588"/>
            <a:ext cx="5599673" cy="334261"/>
          </a:xfrm>
        </p:spPr>
        <p:txBody>
          <a:bodyPr anchor="b"/>
          <a:lstStyle>
            <a:lvl1pPr>
              <a:buNone/>
              <a:defRPr sz="12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</a:p>
        </p:txBody>
      </p:sp>
      <p:sp>
        <p:nvSpPr>
          <p:cNvPr id="12" name="Picture Placeholder 34">
            <a:extLst>
              <a:ext uri="{FF2B5EF4-FFF2-40B4-BE49-F238E27FC236}">
                <a16:creationId xmlns:a16="http://schemas.microsoft.com/office/drawing/2014/main" id="{B7725E52-7CB4-4322-B59D-0124E7007860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6354824" y="-3174"/>
            <a:ext cx="5840953" cy="6879014"/>
          </a:xfrm>
          <a:custGeom>
            <a:avLst/>
            <a:gdLst>
              <a:gd name="connsiteX0" fmla="*/ 0 w 10000"/>
              <a:gd name="connsiteY0" fmla="*/ 2000 h 10000"/>
              <a:gd name="connsiteX1" fmla="*/ 2000 w 10000"/>
              <a:gd name="connsiteY1" fmla="*/ 0 h 10000"/>
              <a:gd name="connsiteX2" fmla="*/ 10000 w 10000"/>
              <a:gd name="connsiteY2" fmla="*/ 0 h 10000"/>
              <a:gd name="connsiteX3" fmla="*/ 10000 w 10000"/>
              <a:gd name="connsiteY3" fmla="*/ 10000 h 10000"/>
              <a:gd name="connsiteX4" fmla="*/ 0 w 10000"/>
              <a:gd name="connsiteY4" fmla="*/ 10000 h 10000"/>
              <a:gd name="connsiteX5" fmla="*/ 0 w 10000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37 w 10037"/>
              <a:gd name="connsiteY4" fmla="*/ 10000 h 10000"/>
              <a:gd name="connsiteX5" fmla="*/ 37 w 10037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37 w 10037"/>
              <a:gd name="connsiteY5" fmla="*/ 2000 h 10000"/>
              <a:gd name="connsiteX0" fmla="*/ 292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292 w 10037"/>
              <a:gd name="connsiteY5" fmla="*/ 2000 h 10000"/>
              <a:gd name="connsiteX0" fmla="*/ 1463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0" fmla="*/ 1368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368 w 10037"/>
              <a:gd name="connsiteY4" fmla="*/ 10000 h 10000"/>
              <a:gd name="connsiteX0" fmla="*/ 1368 w 12976"/>
              <a:gd name="connsiteY0" fmla="*/ 10000 h 10000"/>
              <a:gd name="connsiteX1" fmla="*/ 0 w 12976"/>
              <a:gd name="connsiteY1" fmla="*/ 0 h 10000"/>
              <a:gd name="connsiteX2" fmla="*/ 12976 w 12976"/>
              <a:gd name="connsiteY2" fmla="*/ 0 h 10000"/>
              <a:gd name="connsiteX3" fmla="*/ 10037 w 12976"/>
              <a:gd name="connsiteY3" fmla="*/ 10000 h 10000"/>
              <a:gd name="connsiteX4" fmla="*/ 1368 w 12976"/>
              <a:gd name="connsiteY4" fmla="*/ 10000 h 10000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2976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3004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15" h="10026">
                <a:moveTo>
                  <a:pt x="1368" y="10000"/>
                </a:moveTo>
                <a:lnTo>
                  <a:pt x="0" y="0"/>
                </a:lnTo>
                <a:lnTo>
                  <a:pt x="13004" y="0"/>
                </a:lnTo>
                <a:cubicBezTo>
                  <a:pt x="13008" y="3342"/>
                  <a:pt x="13011" y="6684"/>
                  <a:pt x="13015" y="10026"/>
                </a:cubicBezTo>
                <a:lnTo>
                  <a:pt x="1368" y="10000"/>
                </a:lnTo>
                <a:close/>
              </a:path>
            </a:pathLst>
          </a:custGeom>
          <a:noFill/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Click icon to add picture</a:t>
            </a:r>
            <a:endParaRPr lang="en-GB" dirty="0"/>
          </a:p>
        </p:txBody>
      </p:sp>
      <p:pic>
        <p:nvPicPr>
          <p:cNvPr id="6" name="image" descr="{&quot;templafy&quot;:{&quot;binding&quot;:&quot;Form.Brand.LogoNeg_tl&quot;,&quot;width&quot;:&quot;7.91 cm&quot;,&quot;height&quot;:&quot;2.0 cm&quot;,&quot;type&quot;:&quot;image&quot;}}" title="Form.Brand.LogoNeg_tl">
            <a:extLst>
              <a:ext uri="{FF2B5EF4-FFF2-40B4-BE49-F238E27FC236}">
                <a16:creationId xmlns:a16="http://schemas.microsoft.com/office/drawing/2014/main" id="{2A3CAD06-9866-B442-BF17-E244D1444E0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0800" y="601509"/>
            <a:ext cx="2848696" cy="720000"/>
          </a:xfrm>
          <a:prstGeom prst="rect">
            <a:avLst/>
          </a:prstGeom>
        </p:spPr>
      </p:pic>
      <p:sp>
        <p:nvSpPr>
          <p:cNvPr id="13" name="Pladsholder til sidefod 3">
            <a:extLst>
              <a:ext uri="{FF2B5EF4-FFF2-40B4-BE49-F238E27FC236}">
                <a16:creationId xmlns:a16="http://schemas.microsoft.com/office/drawing/2014/main" id="{6DBBCDEF-57A6-47CE-98D0-24CFD3D406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4">
            <a:extLst>
              <a:ext uri="{FF2B5EF4-FFF2-40B4-BE49-F238E27FC236}">
                <a16:creationId xmlns:a16="http://schemas.microsoft.com/office/drawing/2014/main" id="{25C5108C-E0BE-4637-9C10-B6F7E3A727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ransparent shape">
            <a:extLst>
              <a:ext uri="{FF2B5EF4-FFF2-40B4-BE49-F238E27FC236}">
                <a16:creationId xmlns:a16="http://schemas.microsoft.com/office/drawing/2014/main" id="{22E4BE84-E31F-42B7-BB64-8E4A533FCB0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flipV="1">
            <a:off x="6357159" y="-2677"/>
            <a:ext cx="2024236" cy="6877537"/>
          </a:xfrm>
          <a:custGeom>
            <a:avLst/>
            <a:gdLst>
              <a:gd name="connsiteX0" fmla="*/ 501062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0" fmla="*/ 447273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447273 w 2004247"/>
              <a:gd name="connsiteY4" fmla="*/ 0 h 6858000"/>
              <a:gd name="connsiteX0" fmla="*/ 529466 w 2004247"/>
              <a:gd name="connsiteY0" fmla="*/ 10274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529466 w 2004247"/>
              <a:gd name="connsiteY4" fmla="*/ 10274 h 6858000"/>
              <a:gd name="connsiteX0" fmla="*/ 529466 w 2004247"/>
              <a:gd name="connsiteY0" fmla="*/ 0 h 6878549"/>
              <a:gd name="connsiteX1" fmla="*/ 1503185 w 2004247"/>
              <a:gd name="connsiteY1" fmla="*/ 20549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29466 w 2004247"/>
              <a:gd name="connsiteY0" fmla="*/ 0 h 6878549"/>
              <a:gd name="connsiteX1" fmla="*/ 1492911 w 2004247"/>
              <a:gd name="connsiteY1" fmla="*/ 10275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91111 w 2065892"/>
              <a:gd name="connsiteY0" fmla="*/ 0 h 6878549"/>
              <a:gd name="connsiteX1" fmla="*/ 1554556 w 2065892"/>
              <a:gd name="connsiteY1" fmla="*/ 10275 h 6878549"/>
              <a:gd name="connsiteX2" fmla="*/ 2065892 w 2065892"/>
              <a:gd name="connsiteY2" fmla="*/ 6878549 h 6878549"/>
              <a:gd name="connsiteX3" fmla="*/ 0 w 2065892"/>
              <a:gd name="connsiteY3" fmla="*/ 6878549 h 6878549"/>
              <a:gd name="connsiteX4" fmla="*/ 591111 w 2065892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15125 h 6893674"/>
              <a:gd name="connsiteX1" fmla="*/ 1554556 w 2035070"/>
              <a:gd name="connsiteY1" fmla="*/ 0 h 6893674"/>
              <a:gd name="connsiteX2" fmla="*/ 2035070 w 2035070"/>
              <a:gd name="connsiteY2" fmla="*/ 6893674 h 6893674"/>
              <a:gd name="connsiteX3" fmla="*/ 0 w 2035070"/>
              <a:gd name="connsiteY3" fmla="*/ 6893674 h 6893674"/>
              <a:gd name="connsiteX4" fmla="*/ 591111 w 2035070"/>
              <a:gd name="connsiteY4" fmla="*/ 15125 h 6893674"/>
              <a:gd name="connsiteX0" fmla="*/ 580258 w 2024217"/>
              <a:gd name="connsiteY0" fmla="*/ 15125 h 6893674"/>
              <a:gd name="connsiteX1" fmla="*/ 1543703 w 2024217"/>
              <a:gd name="connsiteY1" fmla="*/ 0 h 6893674"/>
              <a:gd name="connsiteX2" fmla="*/ 2024217 w 2024217"/>
              <a:gd name="connsiteY2" fmla="*/ 6893674 h 6893674"/>
              <a:gd name="connsiteX3" fmla="*/ 0 w 2024217"/>
              <a:gd name="connsiteY3" fmla="*/ 6893674 h 6893674"/>
              <a:gd name="connsiteX4" fmla="*/ 580258 w 2024217"/>
              <a:gd name="connsiteY4" fmla="*/ 15125 h 6893674"/>
              <a:gd name="connsiteX0" fmla="*/ 580285 w 2024244"/>
              <a:gd name="connsiteY0" fmla="*/ 1512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80285 w 2024244"/>
              <a:gd name="connsiteY4" fmla="*/ 1512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17838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17838 h 6893674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5725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5725 h 6877537"/>
              <a:gd name="connsiteX0" fmla="*/ 604887 w 2024243"/>
              <a:gd name="connsiteY0" fmla="*/ 1700 h 6877537"/>
              <a:gd name="connsiteX1" fmla="*/ 1543729 w 2024243"/>
              <a:gd name="connsiteY1" fmla="*/ 0 h 6877537"/>
              <a:gd name="connsiteX2" fmla="*/ 2024243 w 2024243"/>
              <a:gd name="connsiteY2" fmla="*/ 6877537 h 6877537"/>
              <a:gd name="connsiteX3" fmla="*/ 26 w 2024243"/>
              <a:gd name="connsiteY3" fmla="*/ 6877537 h 6877537"/>
              <a:gd name="connsiteX4" fmla="*/ 604887 w 2024243"/>
              <a:gd name="connsiteY4" fmla="*/ 1700 h 6877537"/>
              <a:gd name="connsiteX0" fmla="*/ 604880 w 2024236"/>
              <a:gd name="connsiteY0" fmla="*/ 1700 h 6877537"/>
              <a:gd name="connsiteX1" fmla="*/ 1543722 w 2024236"/>
              <a:gd name="connsiteY1" fmla="*/ 0 h 6877537"/>
              <a:gd name="connsiteX2" fmla="*/ 2024236 w 2024236"/>
              <a:gd name="connsiteY2" fmla="*/ 6877537 h 6877537"/>
              <a:gd name="connsiteX3" fmla="*/ 19 w 2024236"/>
              <a:gd name="connsiteY3" fmla="*/ 6877537 h 6877537"/>
              <a:gd name="connsiteX4" fmla="*/ 604880 w 2024236"/>
              <a:gd name="connsiteY4" fmla="*/ 1700 h 687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24236" h="6877537">
                <a:moveTo>
                  <a:pt x="604880" y="1700"/>
                </a:moveTo>
                <a:cubicBezTo>
                  <a:pt x="607661" y="4799"/>
                  <a:pt x="1530119" y="7755"/>
                  <a:pt x="1543722" y="0"/>
                </a:cubicBezTo>
                <a:cubicBezTo>
                  <a:pt x="1703893" y="2289425"/>
                  <a:pt x="2018177" y="6848427"/>
                  <a:pt x="2024236" y="6877537"/>
                </a:cubicBezTo>
                <a:lnTo>
                  <a:pt x="19" y="6877537"/>
                </a:lnTo>
                <a:cubicBezTo>
                  <a:pt x="-3901" y="6878894"/>
                  <a:pt x="611763" y="-3910"/>
                  <a:pt x="604880" y="1700"/>
                </a:cubicBezTo>
                <a:close/>
              </a:path>
            </a:pathLst>
          </a:custGeom>
          <a:solidFill>
            <a:schemeClr val="bg1">
              <a:alpha val="5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6" name="Date_GeneralDate">
            <a:extLst>
              <a:ext uri="{FF2B5EF4-FFF2-40B4-BE49-F238E27FC236}">
                <a16:creationId xmlns:a16="http://schemas.microsoft.com/office/drawing/2014/main" id="{6748D93B-F630-4CA5-9FA6-BB3190216C2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10800" y="6303600"/>
            <a:ext cx="2512800" cy="198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00">
                <a:solidFill>
                  <a:schemeClr val="bg1"/>
                </a:solidFill>
              </a:defRPr>
            </a:lvl1pPr>
          </a:lstStyle>
          <a:p>
            <a:fld id="{02B21B21-F646-4A63-B200-042B34239CCC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1022990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475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1941513"/>
            <a:ext cx="3448163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 i="0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4604331" y="1941513"/>
            <a:ext cx="3449637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D52EEC7-C984-4803-8EBC-DE4817DE23A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299336" y="1941513"/>
            <a:ext cx="3448164" cy="300551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headline</a:t>
            </a:r>
            <a:endParaRPr lang="en-GB"/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BB9CB4EC-6D48-41AB-B344-F467AF161907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910800" y="2303462"/>
            <a:ext cx="3448163" cy="364490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 i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26E7806D-ED9D-404B-92CB-7767041EF37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604331" y="2303462"/>
            <a:ext cx="3449637" cy="364490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17" name="Text Placeholder 10">
            <a:extLst>
              <a:ext uri="{FF2B5EF4-FFF2-40B4-BE49-F238E27FC236}">
                <a16:creationId xmlns:a16="http://schemas.microsoft.com/office/drawing/2014/main" id="{30611C6F-6A23-4809-9530-DB0ADED1837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299336" y="2303462"/>
            <a:ext cx="3448164" cy="3644901"/>
          </a:xfrm>
        </p:spPr>
        <p:txBody>
          <a:bodyPr/>
          <a:lstStyle>
            <a:lvl1pPr marL="0" indent="0">
              <a:buNone/>
              <a:defRPr b="0">
                <a:solidFill>
                  <a:schemeClr val="accent3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0B75EACF-5A11-2A42-8647-3430880DB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Date_GeneralDate" hidden="1">
            <a:extLst>
              <a:ext uri="{FF2B5EF4-FFF2-40B4-BE49-F238E27FC236}">
                <a16:creationId xmlns:a16="http://schemas.microsoft.com/office/drawing/2014/main" id="{736111EE-2D73-4D4A-B431-58716F3C9D8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642041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1639333C-621A-4198-9AA3-81AC3DA6E5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10800" y="1520825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3428999"/>
            <a:ext cx="2524238" cy="25193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16" name="Content Placeholder 18">
            <a:extLst>
              <a:ext uri="{FF2B5EF4-FFF2-40B4-BE49-F238E27FC236}">
                <a16:creationId xmlns:a16="http://schemas.microsoft.com/office/drawing/2014/main" id="{807D49C6-51AE-4727-BD79-4B4FE9D6FA03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3670187" y="1520825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17" name="Content Placeholder 18">
            <a:extLst>
              <a:ext uri="{FF2B5EF4-FFF2-40B4-BE49-F238E27FC236}">
                <a16:creationId xmlns:a16="http://schemas.microsoft.com/office/drawing/2014/main" id="{6242CCC1-AC50-4516-9BCA-28E0CE7651C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438408" y="1520825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18" name="Content Placeholder 18">
            <a:extLst>
              <a:ext uri="{FF2B5EF4-FFF2-40B4-BE49-F238E27FC236}">
                <a16:creationId xmlns:a16="http://schemas.microsoft.com/office/drawing/2014/main" id="{0D431630-CEB9-462D-AB7A-79F9ADE48EB5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208528" y="1520825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14FE1FC2-311E-4F8A-B138-4CEA71DCBCF0}"/>
              </a:ext>
            </a:extLst>
          </p:cNvPr>
          <p:cNvSpPr>
            <a:spLocks noGrp="1"/>
          </p:cNvSpPr>
          <p:nvPr>
            <p:ph type="body" idx="23" hasCustomPrompt="1"/>
          </p:nvPr>
        </p:nvSpPr>
        <p:spPr>
          <a:xfrm>
            <a:off x="3675063" y="3428999"/>
            <a:ext cx="2524238" cy="25193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22" name="Text Placeholder 2">
            <a:extLst>
              <a:ext uri="{FF2B5EF4-FFF2-40B4-BE49-F238E27FC236}">
                <a16:creationId xmlns:a16="http://schemas.microsoft.com/office/drawing/2014/main" id="{0F927034-9889-4D24-8922-FAD143802295}"/>
              </a:ext>
            </a:extLst>
          </p:cNvPr>
          <p:cNvSpPr>
            <a:spLocks noGrp="1"/>
          </p:cNvSpPr>
          <p:nvPr>
            <p:ph type="body" idx="24" hasCustomPrompt="1"/>
          </p:nvPr>
        </p:nvSpPr>
        <p:spPr>
          <a:xfrm>
            <a:off x="6446838" y="3428999"/>
            <a:ext cx="2524238" cy="25193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B08AD8EE-46A2-43BB-B399-0F5315A5C0EF}"/>
              </a:ext>
            </a:extLst>
          </p:cNvPr>
          <p:cNvSpPr>
            <a:spLocks noGrp="1"/>
          </p:cNvSpPr>
          <p:nvPr>
            <p:ph type="body" idx="25" hasCustomPrompt="1"/>
          </p:nvPr>
        </p:nvSpPr>
        <p:spPr>
          <a:xfrm>
            <a:off x="9223262" y="3428999"/>
            <a:ext cx="2524238" cy="25193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4F80B7AA-0B32-7A4A-A984-8E07BED6B0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Date_GeneralDate" hidden="1">
            <a:extLst>
              <a:ext uri="{FF2B5EF4-FFF2-40B4-BE49-F238E27FC236}">
                <a16:creationId xmlns:a16="http://schemas.microsoft.com/office/drawing/2014/main" id="{50D9FBFF-FC21-42F3-89AA-5BAE04977C0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5700240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3 images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437040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08C49F6C-82FB-4202-A9FE-D33777E339EE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5523840" y="612000"/>
            <a:ext cx="2570400" cy="1620000"/>
          </a:xfrm>
        </p:spPr>
        <p:txBody>
          <a:bodyPr/>
          <a:lstStyle>
            <a:lvl1pPr indent="0" algn="ctr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C67CBB49-700E-4A02-9E1B-7C715A87E70A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5523840" y="2437781"/>
            <a:ext cx="2570400" cy="1620000"/>
          </a:xfrm>
        </p:spPr>
        <p:txBody>
          <a:bodyPr/>
          <a:lstStyle>
            <a:lvl1pPr indent="0" algn="ctr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B5F51CD8-3900-4D3F-B896-BC6E308FB79B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522400" y="4301332"/>
            <a:ext cx="2571840" cy="1620000"/>
          </a:xfrm>
        </p:spPr>
        <p:txBody>
          <a:bodyPr/>
          <a:lstStyle>
            <a:lvl1pPr indent="0" algn="ctr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8277225" y="612000"/>
            <a:ext cx="3480881" cy="1620000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252000" indent="-252000">
              <a:buFont typeface="Arial" panose="020B0604020202020204" pitchFamily="34" charset="0"/>
              <a:buChar char="•"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D52EEC7-C984-4803-8EBC-DE4817DE23A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277225" y="2437781"/>
            <a:ext cx="3480881" cy="1620000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6FDBB50C-C8CB-488D-BE20-B98F409D38C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277225" y="4301332"/>
            <a:ext cx="3480881" cy="1620000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Insert text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8AA298E-B5B2-FD40-80C2-F67B211C435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1225" y="1941513"/>
            <a:ext cx="4370388" cy="400685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2" name="FLD_PresentationTitle">
            <a:extLst>
              <a:ext uri="{FF2B5EF4-FFF2-40B4-BE49-F238E27FC236}">
                <a16:creationId xmlns:a16="http://schemas.microsoft.com/office/drawing/2014/main" id="{5B02DDA5-D7CD-7745-8E50-15BCC1AF400B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Date_GeneralDate" hidden="1">
            <a:extLst>
              <a:ext uri="{FF2B5EF4-FFF2-40B4-BE49-F238E27FC236}">
                <a16:creationId xmlns:a16="http://schemas.microsoft.com/office/drawing/2014/main" id="{CC45C003-0929-49CC-8DC4-404EB190FE6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2434377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6182351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EB935D-B49E-6449-A90B-292646D7348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11225" y="1944688"/>
            <a:ext cx="6181725" cy="4003675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43D5C6DB-F17F-0B4D-ACBB-5A7B5C18B425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7391400" y="0"/>
            <a:ext cx="4800600" cy="6858000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Tx/>
              <a:buNone/>
              <a:tabLst/>
              <a:defRPr sz="1400"/>
            </a:lvl1pPr>
          </a:lstStyle>
          <a:p>
            <a:pPr marL="285750" marR="0" lvl="0" indent="-28575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endParaRPr lang="en-GB" dirty="0"/>
          </a:p>
          <a:p>
            <a:pPr marL="285750" marR="0" lvl="0" indent="-28575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Insert image from Image bank or graphic</a:t>
            </a:r>
            <a:endParaRPr lang="en-GB"/>
          </a:p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054E8B34-0B4F-0042-BE66-5A7F7CDB379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Date_GeneralDate" hidden="1">
            <a:extLst>
              <a:ext uri="{FF2B5EF4-FFF2-40B4-BE49-F238E27FC236}">
                <a16:creationId xmlns:a16="http://schemas.microsoft.com/office/drawing/2014/main" id="{F8C0BF42-E3CE-4074-9335-31230398A89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3424487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 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367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Chart Placeholder 2">
            <a:extLst>
              <a:ext uri="{FF2B5EF4-FFF2-40B4-BE49-F238E27FC236}">
                <a16:creationId xmlns:a16="http://schemas.microsoft.com/office/drawing/2014/main" id="{3EC2A8ED-A720-4108-87F6-509A42A323B8}"/>
              </a:ext>
            </a:extLst>
          </p:cNvPr>
          <p:cNvSpPr>
            <a:spLocks noGrp="1"/>
          </p:cNvSpPr>
          <p:nvPr>
            <p:ph type="chart" sz="quarter" idx="20" hasCustomPrompt="1"/>
          </p:nvPr>
        </p:nvSpPr>
        <p:spPr>
          <a:xfrm>
            <a:off x="5524500" y="1944688"/>
            <a:ext cx="6223000" cy="4003675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Insert chart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57D6CCC-992F-8C4D-AF73-4CD081BF222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11225" y="1520825"/>
            <a:ext cx="4370388" cy="44275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C1BF0155-C8A6-2844-9674-32B44765044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Date_GeneralDate" hidden="1">
            <a:extLst>
              <a:ext uri="{FF2B5EF4-FFF2-40B4-BE49-F238E27FC236}">
                <a16:creationId xmlns:a16="http://schemas.microsoft.com/office/drawing/2014/main" id="{9E9E1C5D-03E4-43F3-9623-00D65063C2F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50099298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 imag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2412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0C2F30A-0962-4961-93DA-DD7E0107A85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446839" y="1520825"/>
            <a:ext cx="5300252" cy="4002645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Insert image from Image bank</a:t>
            </a:r>
            <a:endParaRPr lang="en-GB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DA7FA073-D694-4291-97A6-BAF15DCB5CEC}"/>
              </a:ext>
            </a:extLst>
          </p:cNvPr>
          <p:cNvSpPr>
            <a:spLocks noGrp="1"/>
          </p:cNvSpPr>
          <p:nvPr>
            <p:ph type="body" sz="half" idx="14" hasCustomPrompt="1"/>
          </p:nvPr>
        </p:nvSpPr>
        <p:spPr>
          <a:xfrm>
            <a:off x="6453075" y="5674677"/>
            <a:ext cx="4583159" cy="273686"/>
          </a:xfrm>
        </p:spPr>
        <p:txBody>
          <a:bodyPr/>
          <a:lstStyle>
            <a:lvl1pPr marL="0" indent="0">
              <a:buNone/>
              <a:defRPr sz="1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 dirty="0"/>
              <a:t>Click to add caption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7F86768-5C3E-9C45-A4F5-E2A9C65584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1225" y="1520826"/>
            <a:ext cx="5281613" cy="4427538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ADB813E1-49C1-914E-BFE8-11D74081829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Date_GeneralDate" hidden="1">
            <a:extLst>
              <a:ext uri="{FF2B5EF4-FFF2-40B4-BE49-F238E27FC236}">
                <a16:creationId xmlns:a16="http://schemas.microsoft.com/office/drawing/2014/main" id="{B4879093-E349-4B53-BB54-6E6751506F3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0453698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24120" cy="132951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2B3B58B-93DB-4436-9B79-7B14F7557A1B}" type="datetime4">
              <a:rPr lang="en-GB" smtClean="0"/>
              <a:pPr/>
              <a:t>06 April 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8DD47575-E5FC-304B-B15E-448A44028B1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597570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6" name="FLD_PresentationTitle">
            <a:extLst>
              <a:ext uri="{FF2B5EF4-FFF2-40B4-BE49-F238E27FC236}">
                <a16:creationId xmlns:a16="http://schemas.microsoft.com/office/drawing/2014/main" id="{D809703C-9C83-E74D-9C42-AA9C32E1781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Pladsholder til dato 2" hidden="1">
            <a:extLst>
              <a:ext uri="{FF2B5EF4-FFF2-40B4-BE49-F238E27FC236}">
                <a16:creationId xmlns:a16="http://schemas.microsoft.com/office/drawing/2014/main" id="{EE7A7107-9235-4684-9DBA-CC964714F61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12196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slide 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07F558E4-7117-4186-A19A-2D140CEC8CB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910801" y="4221131"/>
            <a:ext cx="5283626" cy="1727231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CA806C4-55A0-4CFE-AC24-EC98BEF67EB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910800" y="1941513"/>
            <a:ext cx="5283625" cy="2211941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headline</a:t>
            </a:r>
            <a:endParaRPr lang="en-GB"/>
          </a:p>
        </p:txBody>
      </p:sp>
      <p:pic>
        <p:nvPicPr>
          <p:cNvPr id="10" name="image" descr="{&quot;templafy&quot;:{&quot;id&quot;:&quot;a5fd745d-ba00-4feb-a718-6f1780a3d378&quot;}}" title="Form.Brand.LogoPos_tl">
            <a:extLst>
              <a:ext uri="{FF2B5EF4-FFF2-40B4-BE49-F238E27FC236}">
                <a16:creationId xmlns:a16="http://schemas.microsoft.com/office/drawing/2014/main" id="{A688610F-2110-7F49-B19A-25BEC5DF060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1225" y="606425"/>
            <a:ext cx="2848696" cy="72000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AEA9762C-CB3A-C348-9F72-A2E404D7204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dato 2" hidden="1">
            <a:extLst>
              <a:ext uri="{FF2B5EF4-FFF2-40B4-BE49-F238E27FC236}">
                <a16:creationId xmlns:a16="http://schemas.microsoft.com/office/drawing/2014/main" id="{54FD273A-FEE6-4D82-813A-927F05ECC7D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6A5BF87-E8FE-43E7-908D-FB96677AC40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6838" y="0"/>
            <a:ext cx="5745162" cy="6858000"/>
          </a:xfr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17787904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slide background 0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3B67C01-9ABE-3549-9D0C-9BDE3D771F44}"/>
              </a:ext>
            </a:extLst>
          </p:cNvPr>
          <p:cNvSpPr/>
          <p:nvPr userDrawn="1"/>
        </p:nvSpPr>
        <p:spPr>
          <a:xfrm>
            <a:off x="0" y="4893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6000" y="612000"/>
            <a:ext cx="10825200" cy="1789989"/>
          </a:xfrm>
        </p:spPr>
        <p:txBody>
          <a:bodyPr anchor="b"/>
          <a:lstStyle>
            <a:lvl1pPr algn="l">
              <a:defRPr sz="48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5999" y="2401200"/>
            <a:ext cx="10825201" cy="352001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48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text</a:t>
            </a:r>
            <a:endParaRPr lang="en-GB"/>
          </a:p>
        </p:txBody>
      </p:sp>
      <p:pic>
        <p:nvPicPr>
          <p:cNvPr id="9" name="image" descr="{&quot;templafy&quot;:{&quot;id&quot;:&quot;0cb41a46-1a3a-49e8-b615-e4f3924508b0&quot;}}" title="Form.Brand.LogoNeg">
            <a:extLst>
              <a:ext uri="{FF2B5EF4-FFF2-40B4-BE49-F238E27FC236}">
                <a16:creationId xmlns:a16="http://schemas.microsoft.com/office/drawing/2014/main" id="{A6EC723F-6CD7-6741-94A3-6B1BE39EA51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9A9F53A3-ECC1-1B42-9EC7-D2A854EAF3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Pladsholder til dato 2" hidden="1">
            <a:extLst>
              <a:ext uri="{FF2B5EF4-FFF2-40B4-BE49-F238E27FC236}">
                <a16:creationId xmlns:a16="http://schemas.microsoft.com/office/drawing/2014/main" id="{7D687966-7062-4F7D-99BE-1B8C081E62A7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72517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ext 1 column Title 1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367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0800" y="1520825"/>
            <a:ext cx="10836700" cy="44011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2D8AC7DC-2103-2541-89A6-BD6583E080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Date_GeneralDate" hidden="1">
            <a:extLst>
              <a:ext uri="{FF2B5EF4-FFF2-40B4-BE49-F238E27FC236}">
                <a16:creationId xmlns:a16="http://schemas.microsoft.com/office/drawing/2014/main" id="{A9450569-008E-47C9-AF30-C34991C738A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3285D2C3-1B24-4EC3-B249-9C3BBF727012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83533293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slide background 02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6000" y="612000"/>
            <a:ext cx="10825200" cy="1789989"/>
          </a:xfrm>
        </p:spPr>
        <p:txBody>
          <a:bodyPr anchor="b"/>
          <a:lstStyle>
            <a:lvl1pPr algn="l">
              <a:defRPr sz="48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5999" y="2401200"/>
            <a:ext cx="10825201" cy="352001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48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text</a:t>
            </a:r>
            <a:endParaRPr lang="en-GB"/>
          </a:p>
        </p:txBody>
      </p:sp>
      <p:pic>
        <p:nvPicPr>
          <p:cNvPr id="9" name="image" descr="{&quot;templafy&quot;:{&quot;id&quot;:&quot;8bc2986d-a8af-487f-b72d-dcbe7ff35bbf&quot;}}" title="Form.Brand.LogoNeg">
            <a:extLst>
              <a:ext uri="{FF2B5EF4-FFF2-40B4-BE49-F238E27FC236}">
                <a16:creationId xmlns:a16="http://schemas.microsoft.com/office/drawing/2014/main" id="{A6EC723F-6CD7-6741-94A3-6B1BE39EA51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9A9F53A3-ECC1-1B42-9EC7-D2A854EAF3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Pladsholder til dato 2" hidden="1">
            <a:extLst>
              <a:ext uri="{FF2B5EF4-FFF2-40B4-BE49-F238E27FC236}">
                <a16:creationId xmlns:a16="http://schemas.microsoft.com/office/drawing/2014/main" id="{7D687966-7062-4F7D-99BE-1B8C081E62A7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2808432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slide with imag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02F30EB2-FF4B-4AAB-B4B9-7795C952A62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	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	Insert image from Image bank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6000" y="612000"/>
            <a:ext cx="10825200" cy="4245750"/>
          </a:xfrm>
        </p:spPr>
        <p:txBody>
          <a:bodyPr anchor="b"/>
          <a:lstStyle>
            <a:lvl1pPr algn="l">
              <a:defRPr sz="48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3ECC6019-7F1E-BC49-B14E-3041420E1A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Pladsholder til dato 2" hidden="1">
            <a:extLst>
              <a:ext uri="{FF2B5EF4-FFF2-40B4-BE49-F238E27FC236}">
                <a16:creationId xmlns:a16="http://schemas.microsoft.com/office/drawing/2014/main" id="{9EAF2E81-9800-4F8A-8891-191C2B7B85A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1802684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4893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00000" y="1941513"/>
            <a:ext cx="10824120" cy="1487487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Click to add text</a:t>
            </a:r>
            <a:endParaRPr lang="en-GB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CB636D4-8974-4CB9-8BD0-25A2377A4C7F}"/>
              </a:ext>
            </a:extLst>
          </p:cNvPr>
          <p:cNvSpPr txBox="1"/>
          <p:nvPr userDrawn="1"/>
        </p:nvSpPr>
        <p:spPr>
          <a:xfrm>
            <a:off x="910800" y="5959454"/>
            <a:ext cx="44249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800" kern="1000" spc="20" dirty="0">
                <a:solidFill>
                  <a:schemeClr val="bg1"/>
                </a:solidFill>
              </a:rPr>
              <a:t>Follow us on:</a:t>
            </a:r>
            <a:endParaRPr lang="en-GB"/>
          </a:p>
        </p:txBody>
      </p:sp>
      <p:pic>
        <p:nvPicPr>
          <p:cNvPr id="4" name="image" descr="{&quot;templafy&quot;:{&quot;id&quot;:&quot;c3aa37a4-1723-4161-b69a-6820c8d81c10&quot;}}" title="Form.Brand.LogoNeg">
            <a:extLst>
              <a:ext uri="{FF2B5EF4-FFF2-40B4-BE49-F238E27FC236}">
                <a16:creationId xmlns:a16="http://schemas.microsoft.com/office/drawing/2014/main" id="{DE821424-491A-4DF8-8030-A1F35C46C7A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5" name="text" descr="{&quot;templafy&quot;:{&quot;id&quot;:&quot;151025f9-cb56-4567-83fa-a7cc252b6b18&quot;}}" title="UserProfile.Name">
            <a:extLst>
              <a:ext uri="{FF2B5EF4-FFF2-40B4-BE49-F238E27FC236}">
                <a16:creationId xmlns:a16="http://schemas.microsoft.com/office/drawing/2014/main" id="{89F3C365-36B6-401F-ABD2-E32812A91C89}"/>
              </a:ext>
            </a:extLst>
          </p:cNvPr>
          <p:cNvSpPr/>
          <p:nvPr userDrawn="1"/>
        </p:nvSpPr>
        <p:spPr>
          <a:xfrm>
            <a:off x="908288" y="4480097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Thomas Bech Hansen</a:t>
            </a:r>
          </a:p>
        </p:txBody>
      </p:sp>
      <p:sp>
        <p:nvSpPr>
          <p:cNvPr id="7" name="text" descr="{&quot;templafy&quot;:{&quot;id&quot;:&quot;093eabf1-5202-45b2-ab87-20a8747bab78&quot;}}" title="UserProfile.Title">
            <a:extLst>
              <a:ext uri="{FF2B5EF4-FFF2-40B4-BE49-F238E27FC236}">
                <a16:creationId xmlns:a16="http://schemas.microsoft.com/office/drawing/2014/main" id="{2305872E-BC0A-4930-8596-D3D39DD7C344}"/>
              </a:ext>
            </a:extLst>
          </p:cNvPr>
          <p:cNvSpPr/>
          <p:nvPr userDrawn="1"/>
        </p:nvSpPr>
        <p:spPr>
          <a:xfrm>
            <a:off x="908288" y="4720072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Vice President</a:t>
            </a:r>
          </a:p>
        </p:txBody>
      </p:sp>
      <p:sp>
        <p:nvSpPr>
          <p:cNvPr id="13" name="text" descr="{&quot;templafy&quot;:{&quot;id&quot;:&quot;20ae0a4d-5b9f-4f46-95cd-02aa1d645e6c&quot;}}" title="UserProfile.Email">
            <a:extLst>
              <a:ext uri="{FF2B5EF4-FFF2-40B4-BE49-F238E27FC236}">
                <a16:creationId xmlns:a16="http://schemas.microsoft.com/office/drawing/2014/main" id="{F4F7CB11-3C01-4335-B347-8E91727FD222}"/>
              </a:ext>
            </a:extLst>
          </p:cNvPr>
          <p:cNvSpPr/>
          <p:nvPr userDrawn="1"/>
        </p:nvSpPr>
        <p:spPr>
          <a:xfrm>
            <a:off x="908288" y="4966589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tbh@forcetechnology.com</a:t>
            </a:r>
          </a:p>
        </p:txBody>
      </p:sp>
      <p:sp>
        <p:nvSpPr>
          <p:cNvPr id="14" name="text" descr="{&quot;templafy&quot;:{&quot;id&quot;:&quot;b2bccb05-185b-4623-8099-6426f2aceb34&quot;}}" title="UserProfile.DirectPhone">
            <a:extLst>
              <a:ext uri="{FF2B5EF4-FFF2-40B4-BE49-F238E27FC236}">
                <a16:creationId xmlns:a16="http://schemas.microsoft.com/office/drawing/2014/main" id="{F2F36A71-0A41-412C-BCD1-FB8EAF48705B}"/>
              </a:ext>
            </a:extLst>
          </p:cNvPr>
          <p:cNvSpPr/>
          <p:nvPr userDrawn="1"/>
        </p:nvSpPr>
        <p:spPr>
          <a:xfrm>
            <a:off x="908288" y="5210031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+4543251224</a:t>
            </a:r>
          </a:p>
        </p:txBody>
      </p:sp>
      <p:sp>
        <p:nvSpPr>
          <p:cNvPr id="15" name="text" descr="{&quot;templafy&quot;:{&quot;id&quot;:&quot;2473647a-eb27-4984-8566-85b8369dfce9&quot;}}" title="UserProfile.Office.Web">
            <a:extLst>
              <a:ext uri="{FF2B5EF4-FFF2-40B4-BE49-F238E27FC236}">
                <a16:creationId xmlns:a16="http://schemas.microsoft.com/office/drawing/2014/main" id="{56A5606D-C73E-4FC4-9D55-5BB454394527}"/>
              </a:ext>
            </a:extLst>
          </p:cNvPr>
          <p:cNvSpPr/>
          <p:nvPr userDrawn="1"/>
        </p:nvSpPr>
        <p:spPr>
          <a:xfrm>
            <a:off x="908288" y="5452325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forcetechnology.com</a:t>
            </a:r>
          </a:p>
        </p:txBody>
      </p:sp>
      <p:sp>
        <p:nvSpPr>
          <p:cNvPr id="23" name="Pladsholder til dato 2" hidden="1">
            <a:extLst>
              <a:ext uri="{FF2B5EF4-FFF2-40B4-BE49-F238E27FC236}">
                <a16:creationId xmlns:a16="http://schemas.microsoft.com/office/drawing/2014/main" id="{70FE5E7F-DC28-4B69-B409-5C617D2DDC0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27" name="Pladsholder til sidefod 3" hidden="1">
            <a:extLst>
              <a:ext uri="{FF2B5EF4-FFF2-40B4-BE49-F238E27FC236}">
                <a16:creationId xmlns:a16="http://schemas.microsoft.com/office/drawing/2014/main" id="{0AA83C94-6F85-4EE4-9188-017B76F737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8" name="Pladsholder til slidenummer 4" hidden="1">
            <a:extLst>
              <a:ext uri="{FF2B5EF4-FFF2-40B4-BE49-F238E27FC236}">
                <a16:creationId xmlns:a16="http://schemas.microsoft.com/office/drawing/2014/main" id="{23C4C041-43E3-4AFB-8760-58E4B14E93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305D85D4-2A8C-1C42-A58E-E7A37B3CC753}"/>
              </a:ext>
            </a:extLst>
          </p:cNvPr>
          <p:cNvGrpSpPr/>
          <p:nvPr userDrawn="1"/>
        </p:nvGrpSpPr>
        <p:grpSpPr>
          <a:xfrm>
            <a:off x="908009" y="6184983"/>
            <a:ext cx="279400" cy="279400"/>
            <a:chOff x="908009" y="6488161"/>
            <a:chExt cx="279400" cy="279400"/>
          </a:xfrm>
        </p:grpSpPr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4A25FA8D-F3BB-114E-A7C9-B8281843334C}"/>
                </a:ext>
              </a:extLst>
            </p:cNvPr>
            <p:cNvSpPr/>
            <p:nvPr userDrawn="1"/>
          </p:nvSpPr>
          <p:spPr>
            <a:xfrm>
              <a:off x="916662" y="649681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31" name="Graphic 30">
              <a:extLst>
                <a:ext uri="{FF2B5EF4-FFF2-40B4-BE49-F238E27FC236}">
                  <a16:creationId xmlns:a16="http://schemas.microsoft.com/office/drawing/2014/main" id="{9586F5F0-3F6F-AB43-8987-3A134DE025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/>
            <a:stretch/>
          </p:blipFill>
          <p:spPr>
            <a:xfrm>
              <a:off x="908009" y="6488161"/>
              <a:ext cx="279400" cy="279400"/>
            </a:xfrm>
            <a:prstGeom prst="rect">
              <a:avLst/>
            </a:prstGeom>
          </p:spPr>
        </p:pic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708177A5-C76B-4F41-AA04-43C9EB180210}"/>
              </a:ext>
            </a:extLst>
          </p:cNvPr>
          <p:cNvGrpSpPr/>
          <p:nvPr userDrawn="1"/>
        </p:nvGrpSpPr>
        <p:grpSpPr>
          <a:xfrm>
            <a:off x="1299197" y="6184983"/>
            <a:ext cx="279400" cy="279400"/>
            <a:chOff x="1294307" y="6502831"/>
            <a:chExt cx="279400" cy="279400"/>
          </a:xfrm>
        </p:grpSpPr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1A2B37F4-B8BA-0042-BFD9-D5C63DD199FC}"/>
                </a:ext>
              </a:extLst>
            </p:cNvPr>
            <p:cNvSpPr/>
            <p:nvPr userDrawn="1"/>
          </p:nvSpPr>
          <p:spPr>
            <a:xfrm>
              <a:off x="1302960" y="651148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34" name="Graphic 33">
              <a:extLst>
                <a:ext uri="{FF2B5EF4-FFF2-40B4-BE49-F238E27FC236}">
                  <a16:creationId xmlns:a16="http://schemas.microsoft.com/office/drawing/2014/main" id="{1D66BFC1-53B8-C140-B209-8A03FD0C906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/>
          </p:blipFill>
          <p:spPr>
            <a:xfrm>
              <a:off x="1294307" y="6502831"/>
              <a:ext cx="279400" cy="279400"/>
            </a:xfrm>
            <a:prstGeom prst="rect">
              <a:avLst/>
            </a:prstGeom>
          </p:spPr>
        </p:pic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066D5293-6C1D-8B4A-8A03-63404F816DE5}"/>
              </a:ext>
            </a:extLst>
          </p:cNvPr>
          <p:cNvGrpSpPr/>
          <p:nvPr userDrawn="1"/>
        </p:nvGrpSpPr>
        <p:grpSpPr>
          <a:xfrm>
            <a:off x="1690384" y="6184983"/>
            <a:ext cx="279400" cy="279400"/>
            <a:chOff x="1670824" y="6507721"/>
            <a:chExt cx="279400" cy="279400"/>
          </a:xfrm>
        </p:grpSpPr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18F396A8-CA74-2545-A9E1-5C807C608FE0}"/>
                </a:ext>
              </a:extLst>
            </p:cNvPr>
            <p:cNvSpPr/>
            <p:nvPr userDrawn="1"/>
          </p:nvSpPr>
          <p:spPr>
            <a:xfrm>
              <a:off x="1679477" y="651637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37" name="Graphic 36">
              <a:extLst>
                <a:ext uri="{FF2B5EF4-FFF2-40B4-BE49-F238E27FC236}">
                  <a16:creationId xmlns:a16="http://schemas.microsoft.com/office/drawing/2014/main" id="{1718994A-0C46-0A4F-871C-96213BDA9AD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1670824" y="6507721"/>
              <a:ext cx="279400" cy="2794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973413552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10800" y="1941513"/>
            <a:ext cx="10824120" cy="887500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Click to add text</a:t>
            </a:r>
            <a:endParaRPr lang="en-GB"/>
          </a:p>
        </p:txBody>
      </p:sp>
      <p:sp>
        <p:nvSpPr>
          <p:cNvPr id="25" name="Action Button: Blank 24">
            <a:hlinkClick r:id="rId2" highlightClick="1"/>
            <a:extLst>
              <a:ext uri="{FF2B5EF4-FFF2-40B4-BE49-F238E27FC236}">
                <a16:creationId xmlns:a16="http://schemas.microsoft.com/office/drawing/2014/main" id="{960F71EB-D474-49A0-9A6B-AEC0D9849839}"/>
              </a:ext>
            </a:extLst>
          </p:cNvPr>
          <p:cNvSpPr/>
          <p:nvPr userDrawn="1"/>
        </p:nvSpPr>
        <p:spPr>
          <a:xfrm>
            <a:off x="1260354" y="6088258"/>
            <a:ext cx="303177" cy="324065"/>
          </a:xfrm>
          <a:prstGeom prst="actionButtonBlank">
            <a:avLst/>
          </a:prstGeom>
          <a:solidFill>
            <a:schemeClr val="accent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6" name="Action Button: Blank 25">
            <a:hlinkClick r:id="rId3" highlightClick="1"/>
            <a:extLst>
              <a:ext uri="{FF2B5EF4-FFF2-40B4-BE49-F238E27FC236}">
                <a16:creationId xmlns:a16="http://schemas.microsoft.com/office/drawing/2014/main" id="{4B5604D4-9908-4879-AC86-2C0B4726B757}"/>
              </a:ext>
            </a:extLst>
          </p:cNvPr>
          <p:cNvSpPr/>
          <p:nvPr userDrawn="1"/>
        </p:nvSpPr>
        <p:spPr>
          <a:xfrm>
            <a:off x="1651905" y="6067370"/>
            <a:ext cx="303177" cy="324065"/>
          </a:xfrm>
          <a:prstGeom prst="actionButtonBlank">
            <a:avLst/>
          </a:prstGeom>
          <a:solidFill>
            <a:schemeClr val="accent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41A7B113-6E22-4670-8DEF-9C2273DC1C72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910800" y="3285547"/>
            <a:ext cx="1080000" cy="1080000"/>
          </a:xfrm>
          <a:prstGeom prst="ellipse">
            <a:avLst/>
          </a:prstGeom>
          <a:solidFill>
            <a:schemeClr val="bg1"/>
          </a:solidFill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GB" dirty="0"/>
              <a:t>Portrait</a:t>
            </a:r>
            <a:endParaRPr lang="en-GB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BBB4510-0BD0-6849-85D3-DCDEC91797A8}"/>
              </a:ext>
            </a:extLst>
          </p:cNvPr>
          <p:cNvSpPr txBox="1"/>
          <p:nvPr userDrawn="1"/>
        </p:nvSpPr>
        <p:spPr>
          <a:xfrm>
            <a:off x="910800" y="5959454"/>
            <a:ext cx="44249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800" kern="1000" spc="20" dirty="0">
                <a:solidFill>
                  <a:schemeClr val="bg1"/>
                </a:solidFill>
              </a:rPr>
              <a:t>Follow us on:</a:t>
            </a:r>
            <a:endParaRPr lang="en-GB"/>
          </a:p>
        </p:txBody>
      </p:sp>
      <p:pic>
        <p:nvPicPr>
          <p:cNvPr id="3" name="image" descr="{&quot;templafy&quot;:{&quot;id&quot;:&quot;de90f384-4751-41d4-956e-7b3febafc970&quot;}}" title="Form.Brand.LogoNeg">
            <a:extLst>
              <a:ext uri="{FF2B5EF4-FFF2-40B4-BE49-F238E27FC236}">
                <a16:creationId xmlns:a16="http://schemas.microsoft.com/office/drawing/2014/main" id="{1773AD5C-8A35-4086-ADAF-FB3D6ED62D2A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5" name="text" descr="{&quot;templafy&quot;:{&quot;id&quot;:&quot;32f76b14-f7b4-45cf-a41b-69a5648f536b&quot;}}" title="UserProfile.Name">
            <a:extLst>
              <a:ext uri="{FF2B5EF4-FFF2-40B4-BE49-F238E27FC236}">
                <a16:creationId xmlns:a16="http://schemas.microsoft.com/office/drawing/2014/main" id="{79236885-8B45-42B0-A6CF-F76A749A193D}"/>
              </a:ext>
            </a:extLst>
          </p:cNvPr>
          <p:cNvSpPr/>
          <p:nvPr userDrawn="1"/>
        </p:nvSpPr>
        <p:spPr>
          <a:xfrm>
            <a:off x="908288" y="4480097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Thomas Bech Hansen</a:t>
            </a:r>
          </a:p>
        </p:txBody>
      </p:sp>
      <p:sp>
        <p:nvSpPr>
          <p:cNvPr id="6" name="text" descr="{&quot;templafy&quot;:{&quot;id&quot;:&quot;f3b60e2a-b34a-4757-a12f-8d8568c08cd1&quot;}}" title="UserProfile.Title">
            <a:extLst>
              <a:ext uri="{FF2B5EF4-FFF2-40B4-BE49-F238E27FC236}">
                <a16:creationId xmlns:a16="http://schemas.microsoft.com/office/drawing/2014/main" id="{E3B4BD6F-7690-4A47-95D5-486B885C0BD5}"/>
              </a:ext>
            </a:extLst>
          </p:cNvPr>
          <p:cNvSpPr/>
          <p:nvPr userDrawn="1"/>
        </p:nvSpPr>
        <p:spPr>
          <a:xfrm>
            <a:off x="908288" y="4720072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Vice President</a:t>
            </a:r>
          </a:p>
        </p:txBody>
      </p:sp>
      <p:sp>
        <p:nvSpPr>
          <p:cNvPr id="7" name="text" descr="{&quot;templafy&quot;:{&quot;id&quot;:&quot;e09570ce-3c9b-429e-8c29-6734d41aec78&quot;}}" title="UserProfile.Email">
            <a:extLst>
              <a:ext uri="{FF2B5EF4-FFF2-40B4-BE49-F238E27FC236}">
                <a16:creationId xmlns:a16="http://schemas.microsoft.com/office/drawing/2014/main" id="{9379F6CE-0CBC-47F9-AB48-1A81650E9182}"/>
              </a:ext>
            </a:extLst>
          </p:cNvPr>
          <p:cNvSpPr/>
          <p:nvPr userDrawn="1"/>
        </p:nvSpPr>
        <p:spPr>
          <a:xfrm>
            <a:off x="908288" y="4966589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tbh@forcetechnology.com</a:t>
            </a:r>
          </a:p>
        </p:txBody>
      </p:sp>
      <p:sp>
        <p:nvSpPr>
          <p:cNvPr id="8" name="text" descr="{&quot;templafy&quot;:{&quot;id&quot;:&quot;56bf0877-ad1f-4fee-9d60-bfef925d343a&quot;}}" title="UserProfile.DirectPhone">
            <a:extLst>
              <a:ext uri="{FF2B5EF4-FFF2-40B4-BE49-F238E27FC236}">
                <a16:creationId xmlns:a16="http://schemas.microsoft.com/office/drawing/2014/main" id="{1A38AFB1-234F-4AAD-903D-7C03A2C162B7}"/>
              </a:ext>
            </a:extLst>
          </p:cNvPr>
          <p:cNvSpPr/>
          <p:nvPr userDrawn="1"/>
        </p:nvSpPr>
        <p:spPr>
          <a:xfrm>
            <a:off x="908288" y="5210031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+4543251224</a:t>
            </a:r>
          </a:p>
        </p:txBody>
      </p:sp>
      <p:sp>
        <p:nvSpPr>
          <p:cNvPr id="9" name="text" descr="{&quot;templafy&quot;:{&quot;id&quot;:&quot;95f1ecdf-c0b4-438c-839e-1aa90d9eb9b7&quot;}}" title="UserProfile.Office.Web">
            <a:extLst>
              <a:ext uri="{FF2B5EF4-FFF2-40B4-BE49-F238E27FC236}">
                <a16:creationId xmlns:a16="http://schemas.microsoft.com/office/drawing/2014/main" id="{3E37548A-B8EE-4B17-BA45-041E3C2FF399}"/>
              </a:ext>
            </a:extLst>
          </p:cNvPr>
          <p:cNvSpPr/>
          <p:nvPr userDrawn="1"/>
        </p:nvSpPr>
        <p:spPr>
          <a:xfrm>
            <a:off x="908288" y="5452325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forcetechnology.com</a:t>
            </a:r>
          </a:p>
        </p:txBody>
      </p:sp>
      <p:sp>
        <p:nvSpPr>
          <p:cNvPr id="40" name="Pladsholder til dato 2" hidden="1">
            <a:extLst>
              <a:ext uri="{FF2B5EF4-FFF2-40B4-BE49-F238E27FC236}">
                <a16:creationId xmlns:a16="http://schemas.microsoft.com/office/drawing/2014/main" id="{6B113AFF-7364-4362-9C0F-0C0D667C76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41" name="Pladsholder til sidefod 3" hidden="1">
            <a:extLst>
              <a:ext uri="{FF2B5EF4-FFF2-40B4-BE49-F238E27FC236}">
                <a16:creationId xmlns:a16="http://schemas.microsoft.com/office/drawing/2014/main" id="{7E5FB425-5D6E-412B-A1B2-52E433718D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2" name="Pladsholder til slidenummer 4" hidden="1">
            <a:extLst>
              <a:ext uri="{FF2B5EF4-FFF2-40B4-BE49-F238E27FC236}">
                <a16:creationId xmlns:a16="http://schemas.microsoft.com/office/drawing/2014/main" id="{98958E8C-1E04-4735-BAE7-50BE81A55A60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59EEEF48-F3D8-4947-A5F5-AEF5D7EF72C3}"/>
              </a:ext>
            </a:extLst>
          </p:cNvPr>
          <p:cNvGrpSpPr/>
          <p:nvPr userDrawn="1"/>
        </p:nvGrpSpPr>
        <p:grpSpPr>
          <a:xfrm>
            <a:off x="908009" y="6184983"/>
            <a:ext cx="279400" cy="279400"/>
            <a:chOff x="908009" y="6488161"/>
            <a:chExt cx="279400" cy="279400"/>
          </a:xfrm>
        </p:grpSpPr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1A10DECF-C6B8-2D46-A87C-E4EB9AF02668}"/>
                </a:ext>
              </a:extLst>
            </p:cNvPr>
            <p:cNvSpPr/>
            <p:nvPr userDrawn="1"/>
          </p:nvSpPr>
          <p:spPr>
            <a:xfrm>
              <a:off x="916662" y="649681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45" name="Graphic 44">
              <a:extLst>
                <a:ext uri="{FF2B5EF4-FFF2-40B4-BE49-F238E27FC236}">
                  <a16:creationId xmlns:a16="http://schemas.microsoft.com/office/drawing/2014/main" id="{2051943D-ACC6-EF47-B6D3-93ACA062F18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/>
          </p:blipFill>
          <p:spPr>
            <a:xfrm>
              <a:off x="908009" y="6488161"/>
              <a:ext cx="279400" cy="279400"/>
            </a:xfrm>
            <a:prstGeom prst="rect">
              <a:avLst/>
            </a:prstGeom>
          </p:spPr>
        </p:pic>
      </p:grpSp>
      <p:grpSp>
        <p:nvGrpSpPr>
          <p:cNvPr id="46" name="Group 45">
            <a:extLst>
              <a:ext uri="{FF2B5EF4-FFF2-40B4-BE49-F238E27FC236}">
                <a16:creationId xmlns:a16="http://schemas.microsoft.com/office/drawing/2014/main" id="{D7DCD34A-D852-DA49-AF63-8397BE2F7D49}"/>
              </a:ext>
            </a:extLst>
          </p:cNvPr>
          <p:cNvGrpSpPr/>
          <p:nvPr userDrawn="1"/>
        </p:nvGrpSpPr>
        <p:grpSpPr>
          <a:xfrm>
            <a:off x="1299197" y="6184983"/>
            <a:ext cx="279400" cy="279400"/>
            <a:chOff x="1294307" y="6502831"/>
            <a:chExt cx="279400" cy="279400"/>
          </a:xfrm>
        </p:grpSpPr>
        <p:sp>
          <p:nvSpPr>
            <p:cNvPr id="47" name="Oval 46">
              <a:extLst>
                <a:ext uri="{FF2B5EF4-FFF2-40B4-BE49-F238E27FC236}">
                  <a16:creationId xmlns:a16="http://schemas.microsoft.com/office/drawing/2014/main" id="{F12339F2-D265-364A-A3D7-4F0477D504DA}"/>
                </a:ext>
              </a:extLst>
            </p:cNvPr>
            <p:cNvSpPr/>
            <p:nvPr userDrawn="1"/>
          </p:nvSpPr>
          <p:spPr>
            <a:xfrm>
              <a:off x="1302960" y="651148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48" name="Graphic 47">
              <a:extLst>
                <a:ext uri="{FF2B5EF4-FFF2-40B4-BE49-F238E27FC236}">
                  <a16:creationId xmlns:a16="http://schemas.microsoft.com/office/drawing/2014/main" id="{DBB81FE9-51E0-754D-B0FE-AB1349CEC0A3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1294307" y="6502831"/>
              <a:ext cx="279400" cy="279400"/>
            </a:xfrm>
            <a:prstGeom prst="rect">
              <a:avLst/>
            </a:prstGeom>
          </p:spPr>
        </p:pic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C6E43C89-FC83-EC44-8715-4B3A6C19AEC3}"/>
              </a:ext>
            </a:extLst>
          </p:cNvPr>
          <p:cNvGrpSpPr/>
          <p:nvPr userDrawn="1"/>
        </p:nvGrpSpPr>
        <p:grpSpPr>
          <a:xfrm>
            <a:off x="1690384" y="6184983"/>
            <a:ext cx="279400" cy="279400"/>
            <a:chOff x="1670824" y="6507721"/>
            <a:chExt cx="279400" cy="279400"/>
          </a:xfrm>
        </p:grpSpPr>
        <p:sp>
          <p:nvSpPr>
            <p:cNvPr id="50" name="Oval 49">
              <a:extLst>
                <a:ext uri="{FF2B5EF4-FFF2-40B4-BE49-F238E27FC236}">
                  <a16:creationId xmlns:a16="http://schemas.microsoft.com/office/drawing/2014/main" id="{7A92A1CD-48A8-B94F-9BFB-1D4EAFF285CA}"/>
                </a:ext>
              </a:extLst>
            </p:cNvPr>
            <p:cNvSpPr/>
            <p:nvPr userDrawn="1"/>
          </p:nvSpPr>
          <p:spPr>
            <a:xfrm>
              <a:off x="1679477" y="651637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51" name="Graphic 50">
              <a:extLst>
                <a:ext uri="{FF2B5EF4-FFF2-40B4-BE49-F238E27FC236}">
                  <a16:creationId xmlns:a16="http://schemas.microsoft.com/office/drawing/2014/main" id="{2B52DC67-EC15-2043-9768-258565A48AC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rcRect/>
            <a:stretch/>
          </p:blipFill>
          <p:spPr>
            <a:xfrm>
              <a:off x="1670824" y="6507721"/>
              <a:ext cx="279400" cy="2794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594802198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6" name="Action Button: Blank 25">
            <a:hlinkClick r:id="rId2" highlightClick="1"/>
            <a:extLst>
              <a:ext uri="{FF2B5EF4-FFF2-40B4-BE49-F238E27FC236}">
                <a16:creationId xmlns:a16="http://schemas.microsoft.com/office/drawing/2014/main" id="{4B5604D4-9908-4879-AC86-2C0B4726B757}"/>
              </a:ext>
            </a:extLst>
          </p:cNvPr>
          <p:cNvSpPr/>
          <p:nvPr userDrawn="1"/>
        </p:nvSpPr>
        <p:spPr>
          <a:xfrm>
            <a:off x="1651905" y="6067370"/>
            <a:ext cx="303177" cy="324065"/>
          </a:xfrm>
          <a:prstGeom prst="actionButtonBlank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10800" y="1941513"/>
            <a:ext cx="10824120" cy="1487487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ext</a:t>
            </a:r>
            <a:endParaRPr lang="en-GB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CB636D4-8974-4CB9-8BD0-25A2377A4C7F}"/>
              </a:ext>
            </a:extLst>
          </p:cNvPr>
          <p:cNvSpPr txBox="1"/>
          <p:nvPr userDrawn="1"/>
        </p:nvSpPr>
        <p:spPr>
          <a:xfrm>
            <a:off x="910800" y="5953912"/>
            <a:ext cx="44249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800" kern="1000" spc="20" dirty="0">
                <a:solidFill>
                  <a:schemeClr val="bg1"/>
                </a:solidFill>
              </a:rPr>
              <a:t>Follow us on:</a:t>
            </a:r>
            <a:endParaRPr lang="en-GB"/>
          </a:p>
        </p:txBody>
      </p:sp>
      <p:pic>
        <p:nvPicPr>
          <p:cNvPr id="4" name="image" descr="{&quot;templafy&quot;:{&quot;id&quot;:&quot;434778d3-0a8e-4985-a6fd-7b6774dc3143&quot;}}" title="Form.Brand.LogoNeg">
            <a:extLst>
              <a:ext uri="{FF2B5EF4-FFF2-40B4-BE49-F238E27FC236}">
                <a16:creationId xmlns:a16="http://schemas.microsoft.com/office/drawing/2014/main" id="{F0888AE4-371C-4B74-8FBA-B5CE0205ABD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349" y="5749158"/>
            <a:ext cx="2848696" cy="720000"/>
          </a:xfrm>
          <a:prstGeom prst="rect">
            <a:avLst/>
          </a:prstGeom>
        </p:spPr>
      </p:pic>
      <p:sp>
        <p:nvSpPr>
          <p:cNvPr id="7" name="text" descr="{&quot;templafy&quot;:{&quot;id&quot;:&quot;27023eb8-ee79-45d3-a4f1-8c09b23fbb8e&quot;}}" title="UserProfile.Name">
            <a:extLst>
              <a:ext uri="{FF2B5EF4-FFF2-40B4-BE49-F238E27FC236}">
                <a16:creationId xmlns:a16="http://schemas.microsoft.com/office/drawing/2014/main" id="{8AFABF58-3C14-4F87-AC00-C1923E845D2B}"/>
              </a:ext>
            </a:extLst>
          </p:cNvPr>
          <p:cNvSpPr/>
          <p:nvPr userDrawn="1"/>
        </p:nvSpPr>
        <p:spPr>
          <a:xfrm>
            <a:off x="908288" y="4480097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Thomas Bech Hansen</a:t>
            </a:r>
          </a:p>
        </p:txBody>
      </p:sp>
      <p:sp>
        <p:nvSpPr>
          <p:cNvPr id="8" name="text" descr="{&quot;templafy&quot;:{&quot;id&quot;:&quot;3f44ff09-ed8e-4123-a91d-0d4e7a92aace&quot;}}" title="UserProfile.Title">
            <a:extLst>
              <a:ext uri="{FF2B5EF4-FFF2-40B4-BE49-F238E27FC236}">
                <a16:creationId xmlns:a16="http://schemas.microsoft.com/office/drawing/2014/main" id="{8DEB4004-1607-426C-AFC4-5C3A766FA7CE}"/>
              </a:ext>
            </a:extLst>
          </p:cNvPr>
          <p:cNvSpPr/>
          <p:nvPr userDrawn="1"/>
        </p:nvSpPr>
        <p:spPr>
          <a:xfrm>
            <a:off x="908288" y="4720072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Vice President</a:t>
            </a:r>
          </a:p>
        </p:txBody>
      </p:sp>
      <p:sp>
        <p:nvSpPr>
          <p:cNvPr id="13" name="text" descr="{&quot;templafy&quot;:{&quot;id&quot;:&quot;19feebe4-6cbf-4fc0-811a-fdbd9ba77ee2&quot;}}" title="UserProfile.Email">
            <a:extLst>
              <a:ext uri="{FF2B5EF4-FFF2-40B4-BE49-F238E27FC236}">
                <a16:creationId xmlns:a16="http://schemas.microsoft.com/office/drawing/2014/main" id="{F3B7DE67-79CE-423F-ADFC-9036283A2477}"/>
              </a:ext>
            </a:extLst>
          </p:cNvPr>
          <p:cNvSpPr/>
          <p:nvPr userDrawn="1"/>
        </p:nvSpPr>
        <p:spPr>
          <a:xfrm>
            <a:off x="908288" y="4966589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tbh@forcetechnology.com</a:t>
            </a:r>
          </a:p>
        </p:txBody>
      </p:sp>
      <p:sp>
        <p:nvSpPr>
          <p:cNvPr id="14" name="text" descr="{&quot;templafy&quot;:{&quot;id&quot;:&quot;c7730919-e104-4a07-b185-61861ff1e6bf&quot;}}" title="UserProfile.DirectPhone">
            <a:extLst>
              <a:ext uri="{FF2B5EF4-FFF2-40B4-BE49-F238E27FC236}">
                <a16:creationId xmlns:a16="http://schemas.microsoft.com/office/drawing/2014/main" id="{CD7B009B-B22F-4A0C-8539-7B850D17A13E}"/>
              </a:ext>
            </a:extLst>
          </p:cNvPr>
          <p:cNvSpPr/>
          <p:nvPr userDrawn="1"/>
        </p:nvSpPr>
        <p:spPr>
          <a:xfrm>
            <a:off x="908288" y="5210031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+4543251224</a:t>
            </a:r>
          </a:p>
        </p:txBody>
      </p:sp>
      <p:sp>
        <p:nvSpPr>
          <p:cNvPr id="28" name="text" descr="{&quot;templafy&quot;:{&quot;id&quot;:&quot;67061a88-bb84-427d-86a6-1d4d958ca869&quot;}}" title="UserProfile.Office.Web">
            <a:extLst>
              <a:ext uri="{FF2B5EF4-FFF2-40B4-BE49-F238E27FC236}">
                <a16:creationId xmlns:a16="http://schemas.microsoft.com/office/drawing/2014/main" id="{229EE6B4-E732-430E-AC3F-0BB2AC818FC4}"/>
              </a:ext>
            </a:extLst>
          </p:cNvPr>
          <p:cNvSpPr/>
          <p:nvPr userDrawn="1"/>
        </p:nvSpPr>
        <p:spPr>
          <a:xfrm>
            <a:off x="908288" y="5452325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600" noProof="0" dirty="0">
                <a:solidFill>
                  <a:schemeClr val="bg1"/>
                </a:solidFill>
              </a:rPr>
              <a:t>forcetechnology.com</a:t>
            </a:r>
          </a:p>
        </p:txBody>
      </p:sp>
      <p:sp>
        <p:nvSpPr>
          <p:cNvPr id="21" name="Pladsholder til dato 2" hidden="1">
            <a:extLst>
              <a:ext uri="{FF2B5EF4-FFF2-40B4-BE49-F238E27FC236}">
                <a16:creationId xmlns:a16="http://schemas.microsoft.com/office/drawing/2014/main" id="{277BC74F-25FC-460F-BDB3-FCC2827317A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22" name="Pladsholder til sidefod 3" hidden="1">
            <a:extLst>
              <a:ext uri="{FF2B5EF4-FFF2-40B4-BE49-F238E27FC236}">
                <a16:creationId xmlns:a16="http://schemas.microsoft.com/office/drawing/2014/main" id="{F044345F-DA2C-46E7-8E30-20553EF468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3" name="Pladsholder til slidenummer 4" hidden="1">
            <a:extLst>
              <a:ext uri="{FF2B5EF4-FFF2-40B4-BE49-F238E27FC236}">
                <a16:creationId xmlns:a16="http://schemas.microsoft.com/office/drawing/2014/main" id="{AB286539-8E0E-44A4-B9EC-865C716A54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0642D368-0318-7047-9582-EAB0A47DE18E}"/>
              </a:ext>
            </a:extLst>
          </p:cNvPr>
          <p:cNvGrpSpPr/>
          <p:nvPr userDrawn="1"/>
        </p:nvGrpSpPr>
        <p:grpSpPr>
          <a:xfrm>
            <a:off x="908009" y="6184983"/>
            <a:ext cx="279400" cy="279400"/>
            <a:chOff x="908009" y="6184983"/>
            <a:chExt cx="279400" cy="279400"/>
          </a:xfrm>
        </p:grpSpPr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1EB7B9FB-2291-D04B-9488-A1FD1596F172}"/>
                </a:ext>
              </a:extLst>
            </p:cNvPr>
            <p:cNvSpPr/>
            <p:nvPr userDrawn="1"/>
          </p:nvSpPr>
          <p:spPr>
            <a:xfrm>
              <a:off x="916662" y="6193636"/>
              <a:ext cx="262095" cy="262095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37" name="Graphic 36">
              <a:extLst>
                <a:ext uri="{FF2B5EF4-FFF2-40B4-BE49-F238E27FC236}">
                  <a16:creationId xmlns:a16="http://schemas.microsoft.com/office/drawing/2014/main" id="{53A49157-EE92-CE45-9CF8-4B0392E4520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rcRect/>
            <a:stretch/>
          </p:blipFill>
          <p:spPr>
            <a:xfrm>
              <a:off x="908009" y="6184983"/>
              <a:ext cx="279400" cy="279400"/>
            </a:xfrm>
            <a:prstGeom prst="rect">
              <a:avLst/>
            </a:prstGeom>
          </p:spPr>
        </p:pic>
      </p:grpSp>
      <p:grpSp>
        <p:nvGrpSpPr>
          <p:cNvPr id="38" name="Group 37">
            <a:extLst>
              <a:ext uri="{FF2B5EF4-FFF2-40B4-BE49-F238E27FC236}">
                <a16:creationId xmlns:a16="http://schemas.microsoft.com/office/drawing/2014/main" id="{E2FDF43C-1BC1-6B45-9B5B-E35BB11A36E9}"/>
              </a:ext>
            </a:extLst>
          </p:cNvPr>
          <p:cNvGrpSpPr/>
          <p:nvPr userDrawn="1"/>
        </p:nvGrpSpPr>
        <p:grpSpPr>
          <a:xfrm>
            <a:off x="1299197" y="6184983"/>
            <a:ext cx="279400" cy="279400"/>
            <a:chOff x="1299197" y="6184983"/>
            <a:chExt cx="279400" cy="279400"/>
          </a:xfrm>
        </p:grpSpPr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23E28CD2-2FBC-4F43-A878-E4A8316ADDC3}"/>
                </a:ext>
              </a:extLst>
            </p:cNvPr>
            <p:cNvSpPr/>
            <p:nvPr userDrawn="1"/>
          </p:nvSpPr>
          <p:spPr>
            <a:xfrm>
              <a:off x="1307850" y="6193636"/>
              <a:ext cx="262095" cy="262095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40" name="Graphic 39">
              <a:extLst>
                <a:ext uri="{FF2B5EF4-FFF2-40B4-BE49-F238E27FC236}">
                  <a16:creationId xmlns:a16="http://schemas.microsoft.com/office/drawing/2014/main" id="{4E3D28F2-5126-0D47-A376-A8A3F6CEB5C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rcRect/>
            <a:stretch/>
          </p:blipFill>
          <p:spPr>
            <a:xfrm>
              <a:off x="1299197" y="6184983"/>
              <a:ext cx="279400" cy="279400"/>
            </a:xfrm>
            <a:prstGeom prst="rect">
              <a:avLst/>
            </a:prstGeom>
          </p:spPr>
        </p:pic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F2946AAE-FE11-4140-838E-708A83ABF6B6}"/>
              </a:ext>
            </a:extLst>
          </p:cNvPr>
          <p:cNvGrpSpPr/>
          <p:nvPr userDrawn="1"/>
        </p:nvGrpSpPr>
        <p:grpSpPr>
          <a:xfrm>
            <a:off x="1690384" y="6184983"/>
            <a:ext cx="279400" cy="279400"/>
            <a:chOff x="1690384" y="6184983"/>
            <a:chExt cx="279400" cy="279400"/>
          </a:xfrm>
        </p:grpSpPr>
        <p:sp>
          <p:nvSpPr>
            <p:cNvPr id="42" name="Oval 41">
              <a:extLst>
                <a:ext uri="{FF2B5EF4-FFF2-40B4-BE49-F238E27FC236}">
                  <a16:creationId xmlns:a16="http://schemas.microsoft.com/office/drawing/2014/main" id="{AC6E71FA-9E65-2141-AF50-F2292B996DC9}"/>
                </a:ext>
              </a:extLst>
            </p:cNvPr>
            <p:cNvSpPr/>
            <p:nvPr userDrawn="1"/>
          </p:nvSpPr>
          <p:spPr>
            <a:xfrm>
              <a:off x="1699037" y="6193636"/>
              <a:ext cx="262095" cy="262095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43" name="Graphic 42">
              <a:extLst>
                <a:ext uri="{FF2B5EF4-FFF2-40B4-BE49-F238E27FC236}">
                  <a16:creationId xmlns:a16="http://schemas.microsoft.com/office/drawing/2014/main" id="{EC39ADDC-414D-6D45-B899-E737ACDADDA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rcRect/>
            <a:stretch/>
          </p:blipFill>
          <p:spPr>
            <a:xfrm>
              <a:off x="1690384" y="6184983"/>
              <a:ext cx="279400" cy="2794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970048543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 hidden="1">
            <a:extLst>
              <a:ext uri="{FF2B5EF4-FFF2-40B4-BE49-F238E27FC236}">
                <a16:creationId xmlns:a16="http://schemas.microsoft.com/office/drawing/2014/main" id="{204BEF62-0A0C-428F-9593-4784936349E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4" name="Pladsholder til sidefod 3" hidden="1">
            <a:extLst>
              <a:ext uri="{FF2B5EF4-FFF2-40B4-BE49-F238E27FC236}">
                <a16:creationId xmlns:a16="http://schemas.microsoft.com/office/drawing/2014/main" id="{5A2DACD1-A298-4D19-866E-68CF70D652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Pladsholder til slidenummer 4" hidden="1">
            <a:extLst>
              <a:ext uri="{FF2B5EF4-FFF2-40B4-BE49-F238E27FC236}">
                <a16:creationId xmlns:a16="http://schemas.microsoft.com/office/drawing/2014/main" id="{84BE3378-177E-45B6-8A07-1A8ABC3BC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79" y="1509623"/>
            <a:ext cx="2786833" cy="38625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BILLEDER</a:t>
            </a:r>
            <a:br>
              <a:rPr lang="en-GB" sz="1600" dirty="0"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lik på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ikonet og 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endParaRPr lang="en-GB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illedets fokus/størrels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trækker i billedets hjørner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ter et nyt, kan billedet lægg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  <a:endParaRPr lang="en-GB"/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254412" y="1769459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725633" y="1520825"/>
            <a:ext cx="2566254" cy="42473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27545" y="1520825"/>
            <a:ext cx="2280360" cy="51244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TYPOGRAFIER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en-GB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en-GB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ulige slides layout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247424" y="3351641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247965" y="2647475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252871" y="4246248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3275050" y="5501394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254412" y="3012188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295913" y="3730552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927545" y="448713"/>
            <a:ext cx="11109321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  <a:endParaRPr lang="en-GB"/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452921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253845" y="4970376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1251077" y="2075881"/>
            <a:ext cx="440195" cy="5433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8501543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58532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000" b="0" i="0" noProof="0" dirty="0">
                <a:solidFill>
                  <a:schemeClr val="bg1"/>
                </a:solidFill>
              </a:rPr>
              <a:t>If you see any </a:t>
            </a:r>
            <a:r>
              <a:rPr lang="en-GB" sz="4000" b="1" i="0" noProof="0" dirty="0">
                <a:solidFill>
                  <a:schemeClr val="bg1"/>
                </a:solidFill>
              </a:rPr>
              <a:t>layouts after this </a:t>
            </a:r>
            <a:r>
              <a:rPr lang="en-GB" sz="4000" b="0" i="0" noProof="0" dirty="0">
                <a:solidFill>
                  <a:schemeClr val="bg1"/>
                </a:solidFill>
              </a:rPr>
              <a:t>one</a:t>
            </a:r>
            <a:r>
              <a:rPr lang="en-GB" sz="4000" b="1" i="0" noProof="0" dirty="0">
                <a:solidFill>
                  <a:schemeClr val="bg1"/>
                </a:solidFill>
              </a:rPr>
              <a:t>,</a:t>
            </a:r>
            <a:br>
              <a:rPr lang="en-GB" sz="4000" b="0" i="0" noProof="0" dirty="0">
                <a:solidFill>
                  <a:schemeClr val="bg1"/>
                </a:solidFill>
              </a:rPr>
            </a:br>
            <a:r>
              <a:rPr lang="en-GB" sz="4000" b="0" i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4000" b="1" i="0" u="none" noProof="0" dirty="0">
                <a:solidFill>
                  <a:schemeClr val="bg1"/>
                </a:solidFill>
              </a:rPr>
              <a:t>are not </a:t>
            </a:r>
            <a:r>
              <a:rPr lang="en-GB" sz="4000" b="0" i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400" b="0" i="0" noProof="0" dirty="0">
                <a:solidFill>
                  <a:schemeClr val="bg1"/>
                </a:solidFill>
              </a:rPr>
            </a:br>
            <a:br>
              <a:rPr lang="en-GB" sz="2400" b="0" i="0" noProof="0" dirty="0">
                <a:solidFill>
                  <a:schemeClr val="bg1"/>
                </a:solidFill>
              </a:rPr>
            </a:br>
            <a:endParaRPr lang="en-GB" sz="2400" b="0" i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3800" b="1" i="0" noProof="0" dirty="0">
                <a:solidFill>
                  <a:schemeClr val="bg1"/>
                </a:solidFill>
              </a:rPr>
              <a:t>Do not use </a:t>
            </a:r>
            <a:endParaRPr lang="en-GB" sz="2400" b="1" i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  <a:endParaRPr lang="en-GB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800" b="0" noProof="0" dirty="0">
                <a:solidFill>
                  <a:schemeClr val="bg1"/>
                </a:solidFill>
              </a:rPr>
            </a:br>
            <a:endParaRPr lang="en-GB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540000" y="6433200"/>
            <a:ext cx="2743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00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727BBD34-DD59-49E1-9776-D67684F06344}" type="datetime4">
              <a:rPr lang="en-GB" smtClean="0"/>
              <a:pPr/>
              <a:t>06 April 2022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Pladsholder til dato 2" hidden="1">
            <a:extLst>
              <a:ext uri="{FF2B5EF4-FFF2-40B4-BE49-F238E27FC236}">
                <a16:creationId xmlns:a16="http://schemas.microsoft.com/office/drawing/2014/main" id="{E67D761B-307E-4CF3-945A-2B88A537E2E4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18" name="Pladsholder til slidenummer 4" hidden="1">
            <a:extLst>
              <a:ext uri="{FF2B5EF4-FFF2-40B4-BE49-F238E27FC236}">
                <a16:creationId xmlns:a16="http://schemas.microsoft.com/office/drawing/2014/main" id="{65F1DDDC-C972-4A54-BB0E-2DF54A13F04D}"/>
              </a:ext>
            </a:extLst>
          </p:cNvPr>
          <p:cNvSpPr txBox="1">
            <a:spLocks/>
          </p:cNvSpPr>
          <p:nvPr userDrawn="1"/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0452959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horizonta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97443839" name="image" descr="{&quot;templafy&quot;:{&quot;id&quot;:&quot;91307974-fb8d-4150-bdb6-3e58512e99f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1"/>
            <a:ext cx="12193200" cy="4122000"/>
          </a:xfrm>
          <a:prstGeom prst="rect">
            <a:avLst/>
          </a:prstGeom>
        </p:spPr>
      </p:pic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FAE4D028-DA28-4F31-AA6B-0E356454B97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-2"/>
            <a:ext cx="12193200" cy="4132800"/>
          </a:xfrm>
          <a:custGeom>
            <a:avLst/>
            <a:gdLst>
              <a:gd name="connsiteX0" fmla="*/ 0 w 12193200"/>
              <a:gd name="connsiteY0" fmla="*/ 0 h 4123701"/>
              <a:gd name="connsiteX1" fmla="*/ 12193200 w 12193200"/>
              <a:gd name="connsiteY1" fmla="*/ 0 h 4123701"/>
              <a:gd name="connsiteX2" fmla="*/ 12193200 w 12193200"/>
              <a:gd name="connsiteY2" fmla="*/ 4123701 h 4123701"/>
              <a:gd name="connsiteX3" fmla="*/ 122 w 12193200"/>
              <a:gd name="connsiteY3" fmla="*/ 3276601 h 4123701"/>
              <a:gd name="connsiteX4" fmla="*/ 122 w 12193200"/>
              <a:gd name="connsiteY4" fmla="*/ 3280259 h 4123701"/>
              <a:gd name="connsiteX5" fmla="*/ 0 w 12193200"/>
              <a:gd name="connsiteY5" fmla="*/ 3280259 h 41237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3200" h="4123701">
                <a:moveTo>
                  <a:pt x="0" y="0"/>
                </a:moveTo>
                <a:lnTo>
                  <a:pt x="12193200" y="0"/>
                </a:lnTo>
                <a:lnTo>
                  <a:pt x="12193200" y="4123701"/>
                </a:lnTo>
                <a:lnTo>
                  <a:pt x="122" y="3276601"/>
                </a:lnTo>
                <a:lnTo>
                  <a:pt x="122" y="3280259"/>
                </a:lnTo>
                <a:lnTo>
                  <a:pt x="0" y="3280259"/>
                </a:lnTo>
                <a:close/>
              </a:path>
            </a:pathLst>
          </a:custGeom>
        </p:spPr>
        <p:txBody>
          <a:bodyPr wrap="square" lIns="144000" tIns="10800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icon to add picture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1224" y="4431942"/>
            <a:ext cx="10836275" cy="1130300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1224" y="5543550"/>
            <a:ext cx="10836275" cy="37845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3702B350-D76D-4279-AF9C-D0505A3C0F0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6069648"/>
            <a:ext cx="5294425" cy="185737"/>
          </a:xfrm>
        </p:spPr>
        <p:txBody>
          <a:bodyPr/>
          <a:lstStyle>
            <a:lvl1pPr>
              <a:buNone/>
              <a:defRPr sz="12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910800" y="6255384"/>
            <a:ext cx="2084387" cy="197803"/>
          </a:xfrm>
          <a:prstGeom prst="rect">
            <a:avLst/>
          </a:prstGeom>
          <a:ln>
            <a:noFill/>
          </a:ln>
        </p:spPr>
        <p:txBody>
          <a:bodyPr lIns="0"/>
          <a:lstStyle>
            <a:lvl1pPr>
              <a:defRPr sz="1200">
                <a:solidFill>
                  <a:schemeClr val="accent3"/>
                </a:solidFill>
              </a:defRPr>
            </a:lvl1pPr>
          </a:lstStyle>
          <a:p>
            <a:fld id="{F17F2C20-2946-4741-8093-69A1F5FB796B}" type="datetime4">
              <a:rPr lang="en-GB" smtClean="0"/>
              <a:t>06 April 2022</a:t>
            </a:fld>
            <a:endParaRPr lang="en-GB" dirty="0"/>
          </a:p>
        </p:txBody>
      </p:sp>
      <p:sp>
        <p:nvSpPr>
          <p:cNvPr id="11" name="Pladsholder til sidefod 3">
            <a:extLst>
              <a:ext uri="{FF2B5EF4-FFF2-40B4-BE49-F238E27FC236}">
                <a16:creationId xmlns:a16="http://schemas.microsoft.com/office/drawing/2014/main" id="{CAE119CC-58E6-44D7-8CC2-6B27DCF6AE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Pladsholder til slidenummer 4">
            <a:extLst>
              <a:ext uri="{FF2B5EF4-FFF2-40B4-BE49-F238E27FC236}">
                <a16:creationId xmlns:a16="http://schemas.microsoft.com/office/drawing/2014/main" id="{EED34137-3F79-4427-858C-256A8195F5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ransparent shape">
            <a:extLst>
              <a:ext uri="{FF2B5EF4-FFF2-40B4-BE49-F238E27FC236}">
                <a16:creationId xmlns:a16="http://schemas.microsoft.com/office/drawing/2014/main" id="{C6FFB300-0B1F-42A5-9FF7-1EA02705E1B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rot="5400000">
            <a:off x="5162427" y="-5162427"/>
            <a:ext cx="1867146" cy="12192000"/>
          </a:xfrm>
          <a:custGeom>
            <a:avLst/>
            <a:gdLst>
              <a:gd name="connsiteX0" fmla="*/ 0 w 1867146"/>
              <a:gd name="connsiteY0" fmla="*/ 12192000 h 12192000"/>
              <a:gd name="connsiteX1" fmla="*/ 0 w 1867146"/>
              <a:gd name="connsiteY1" fmla="*/ 0 h 12192000"/>
              <a:gd name="connsiteX2" fmla="*/ 1068516 w 1867146"/>
              <a:gd name="connsiteY2" fmla="*/ 0 h 12192000"/>
              <a:gd name="connsiteX3" fmla="*/ 1867146 w 1867146"/>
              <a:gd name="connsiteY3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67146" h="12192000">
                <a:moveTo>
                  <a:pt x="0" y="12192000"/>
                </a:moveTo>
                <a:lnTo>
                  <a:pt x="0" y="0"/>
                </a:lnTo>
                <a:lnTo>
                  <a:pt x="1068516" y="0"/>
                </a:lnTo>
                <a:lnTo>
                  <a:pt x="1867146" y="12192000"/>
                </a:lnTo>
                <a:close/>
              </a:path>
            </a:pathLst>
          </a:custGeom>
          <a:solidFill>
            <a:schemeClr val="bg1">
              <a:alpha val="4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00173266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horizontal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FAE4D028-DA28-4F31-AA6B-0E356454B97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2021"/>
            <a:ext cx="12193200" cy="4123701"/>
          </a:xfrm>
          <a:custGeom>
            <a:avLst/>
            <a:gdLst>
              <a:gd name="connsiteX0" fmla="*/ 0 w 12193200"/>
              <a:gd name="connsiteY0" fmla="*/ 0 h 4123701"/>
              <a:gd name="connsiteX1" fmla="*/ 12193200 w 12193200"/>
              <a:gd name="connsiteY1" fmla="*/ 0 h 4123701"/>
              <a:gd name="connsiteX2" fmla="*/ 12193200 w 12193200"/>
              <a:gd name="connsiteY2" fmla="*/ 4123701 h 4123701"/>
              <a:gd name="connsiteX3" fmla="*/ 122 w 12193200"/>
              <a:gd name="connsiteY3" fmla="*/ 3276601 h 4123701"/>
              <a:gd name="connsiteX4" fmla="*/ 122 w 12193200"/>
              <a:gd name="connsiteY4" fmla="*/ 3280259 h 4123701"/>
              <a:gd name="connsiteX5" fmla="*/ 0 w 12193200"/>
              <a:gd name="connsiteY5" fmla="*/ 3280259 h 41237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3200" h="4123701">
                <a:moveTo>
                  <a:pt x="0" y="0"/>
                </a:moveTo>
                <a:lnTo>
                  <a:pt x="12193200" y="0"/>
                </a:lnTo>
                <a:lnTo>
                  <a:pt x="12193200" y="4123701"/>
                </a:lnTo>
                <a:lnTo>
                  <a:pt x="122" y="3276601"/>
                </a:lnTo>
                <a:lnTo>
                  <a:pt x="122" y="3280259"/>
                </a:lnTo>
                <a:lnTo>
                  <a:pt x="0" y="3280259"/>
                </a:lnTo>
                <a:close/>
              </a:path>
            </a:pathLst>
          </a:custGeom>
        </p:spPr>
        <p:txBody>
          <a:bodyPr wrap="square" lIns="144000" tIns="108000">
            <a:noAutofit/>
          </a:bodyPr>
          <a:lstStyle>
            <a:lvl1pPr marL="0" indent="0" algn="ctr">
              <a:buNone/>
              <a:defRPr sz="1400"/>
            </a:lvl1pPr>
          </a:lstStyle>
          <a:p>
            <a:r>
              <a:rPr lang="en-GB"/>
              <a:t>Click icon to add picture</a:t>
            </a:r>
            <a:endParaRPr lang="en-GB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0116D9D-B7F4-4E60-8A23-3D896C257804}"/>
              </a:ext>
            </a:extLst>
          </p:cNvPr>
          <p:cNvSpPr/>
          <p:nvPr userDrawn="1"/>
        </p:nvSpPr>
        <p:spPr>
          <a:xfrm>
            <a:off x="0" y="3258675"/>
            <a:ext cx="12219822" cy="3594100"/>
          </a:xfrm>
          <a:custGeom>
            <a:avLst/>
            <a:gdLst>
              <a:gd name="connsiteX0" fmla="*/ 0 w 12193200"/>
              <a:gd name="connsiteY0" fmla="*/ 0 h 3759200"/>
              <a:gd name="connsiteX1" fmla="*/ 12193200 w 12193200"/>
              <a:gd name="connsiteY1" fmla="*/ 0 h 3759200"/>
              <a:gd name="connsiteX2" fmla="*/ 12193200 w 12193200"/>
              <a:gd name="connsiteY2" fmla="*/ 3759200 h 3759200"/>
              <a:gd name="connsiteX3" fmla="*/ 0 w 12193200"/>
              <a:gd name="connsiteY3" fmla="*/ 3759200 h 3759200"/>
              <a:gd name="connsiteX4" fmla="*/ 0 w 12193200"/>
              <a:gd name="connsiteY4" fmla="*/ 0 h 3759200"/>
              <a:gd name="connsiteX0" fmla="*/ 0 w 12218600"/>
              <a:gd name="connsiteY0" fmla="*/ 0 h 3759200"/>
              <a:gd name="connsiteX1" fmla="*/ 12218600 w 12218600"/>
              <a:gd name="connsiteY1" fmla="*/ 990600 h 3759200"/>
              <a:gd name="connsiteX2" fmla="*/ 12193200 w 12218600"/>
              <a:gd name="connsiteY2" fmla="*/ 3759200 h 3759200"/>
              <a:gd name="connsiteX3" fmla="*/ 0 w 12218600"/>
              <a:gd name="connsiteY3" fmla="*/ 3759200 h 3759200"/>
              <a:gd name="connsiteX4" fmla="*/ 0 w 12218600"/>
              <a:gd name="connsiteY4" fmla="*/ 0 h 3759200"/>
              <a:gd name="connsiteX0" fmla="*/ 0 w 12231300"/>
              <a:gd name="connsiteY0" fmla="*/ 0 h 3581400"/>
              <a:gd name="connsiteX1" fmla="*/ 12231300 w 12231300"/>
              <a:gd name="connsiteY1" fmla="*/ 812800 h 3581400"/>
              <a:gd name="connsiteX2" fmla="*/ 12205900 w 12231300"/>
              <a:gd name="connsiteY2" fmla="*/ 3581400 h 3581400"/>
              <a:gd name="connsiteX3" fmla="*/ 12700 w 12231300"/>
              <a:gd name="connsiteY3" fmla="*/ 3581400 h 3581400"/>
              <a:gd name="connsiteX4" fmla="*/ 0 w 12231300"/>
              <a:gd name="connsiteY4" fmla="*/ 0 h 3581400"/>
              <a:gd name="connsiteX0" fmla="*/ 0 w 12231300"/>
              <a:gd name="connsiteY0" fmla="*/ 0 h 3581400"/>
              <a:gd name="connsiteX1" fmla="*/ 12231300 w 12231300"/>
              <a:gd name="connsiteY1" fmla="*/ 825500 h 3581400"/>
              <a:gd name="connsiteX2" fmla="*/ 12205900 w 12231300"/>
              <a:gd name="connsiteY2" fmla="*/ 3581400 h 3581400"/>
              <a:gd name="connsiteX3" fmla="*/ 12700 w 12231300"/>
              <a:gd name="connsiteY3" fmla="*/ 3581400 h 3581400"/>
              <a:gd name="connsiteX4" fmla="*/ 0 w 12231300"/>
              <a:gd name="connsiteY4" fmla="*/ 0 h 3581400"/>
              <a:gd name="connsiteX0" fmla="*/ 1222 w 12219822"/>
              <a:gd name="connsiteY0" fmla="*/ 0 h 3594100"/>
              <a:gd name="connsiteX1" fmla="*/ 12219822 w 12219822"/>
              <a:gd name="connsiteY1" fmla="*/ 838200 h 3594100"/>
              <a:gd name="connsiteX2" fmla="*/ 12194422 w 12219822"/>
              <a:gd name="connsiteY2" fmla="*/ 3594100 h 3594100"/>
              <a:gd name="connsiteX3" fmla="*/ 1222 w 12219822"/>
              <a:gd name="connsiteY3" fmla="*/ 3594100 h 3594100"/>
              <a:gd name="connsiteX4" fmla="*/ 1222 w 12219822"/>
              <a:gd name="connsiteY4" fmla="*/ 0 h 3594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219822" h="3594100">
                <a:moveTo>
                  <a:pt x="1222" y="0"/>
                </a:moveTo>
                <a:lnTo>
                  <a:pt x="12219822" y="838200"/>
                </a:lnTo>
                <a:lnTo>
                  <a:pt x="12194422" y="3594100"/>
                </a:lnTo>
                <a:lnTo>
                  <a:pt x="1222" y="3594100"/>
                </a:lnTo>
                <a:cubicBezTo>
                  <a:pt x="-3011" y="2400300"/>
                  <a:pt x="5455" y="1193800"/>
                  <a:pt x="1222" y="0"/>
                </a:cubicBezTo>
                <a:close/>
              </a:path>
            </a:pathLst>
          </a:cu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0800" y="4406184"/>
            <a:ext cx="10849319" cy="1130300"/>
          </a:xfrm>
        </p:spPr>
        <p:txBody>
          <a:bodyPr anchor="b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0800" y="5543550"/>
            <a:ext cx="10849319" cy="37845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3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2" name="Text Placeholder 15">
            <a:extLst>
              <a:ext uri="{FF2B5EF4-FFF2-40B4-BE49-F238E27FC236}">
                <a16:creationId xmlns:a16="http://schemas.microsoft.com/office/drawing/2014/main" id="{8AB2C357-7F15-4B1D-A1DE-4F1BD395498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6069648"/>
            <a:ext cx="5294425" cy="185737"/>
          </a:xfrm>
        </p:spPr>
        <p:txBody>
          <a:bodyPr/>
          <a:lstStyle>
            <a:lvl1pPr>
              <a:buNone/>
              <a:defRPr sz="12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</a:p>
        </p:txBody>
      </p:sp>
      <p:pic>
        <p:nvPicPr>
          <p:cNvPr id="1836963219" name="image" descr="{&quot;templafy&quot;:{&quot;id&quot;:&quot;1796a40c-0aa3-4288-b85e-ff44e7718e8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11423" y="5748010"/>
            <a:ext cx="2847600" cy="720000"/>
          </a:xfrm>
          <a:prstGeom prst="rect">
            <a:avLst/>
          </a:prstGeom>
        </p:spPr>
      </p:pic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910800" y="6255384"/>
            <a:ext cx="2084387" cy="214903"/>
          </a:xfrm>
          <a:prstGeom prst="rect">
            <a:avLst/>
          </a:prstGeom>
          <a:ln>
            <a:noFill/>
          </a:ln>
        </p:spPr>
        <p:txBody>
          <a:bodyPr lIns="0"/>
          <a:lstStyle>
            <a:lvl1pPr>
              <a:defRPr sz="1200">
                <a:solidFill>
                  <a:schemeClr val="bg1"/>
                </a:solidFill>
              </a:defRPr>
            </a:lvl1pPr>
          </a:lstStyle>
          <a:p>
            <a:fld id="{6CCF6680-1F5C-4CEB-8E04-3BC394419FFB}" type="datetime4">
              <a:rPr lang="en-GB" smtClean="0"/>
              <a:t>06 April 2022</a:t>
            </a:fld>
            <a:endParaRPr lang="en-GB" dirty="0"/>
          </a:p>
        </p:txBody>
      </p:sp>
      <p:sp>
        <p:nvSpPr>
          <p:cNvPr id="11" name="Pladsholder til sidefod 3">
            <a:extLst>
              <a:ext uri="{FF2B5EF4-FFF2-40B4-BE49-F238E27FC236}">
                <a16:creationId xmlns:a16="http://schemas.microsoft.com/office/drawing/2014/main" id="{C951C2AE-6DF1-460C-9718-0D690C2898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4">
            <a:extLst>
              <a:ext uri="{FF2B5EF4-FFF2-40B4-BE49-F238E27FC236}">
                <a16:creationId xmlns:a16="http://schemas.microsoft.com/office/drawing/2014/main" id="{1C5D06FF-78C6-4921-AF72-45742CDA4C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ransparent shape">
            <a:extLst>
              <a:ext uri="{FF2B5EF4-FFF2-40B4-BE49-F238E27FC236}">
                <a16:creationId xmlns:a16="http://schemas.microsoft.com/office/drawing/2014/main" id="{CDBB09BE-7BA3-4C41-A500-466823BB767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rot="5400000">
            <a:off x="5162427" y="-5162427"/>
            <a:ext cx="1867146" cy="12192000"/>
          </a:xfrm>
          <a:custGeom>
            <a:avLst/>
            <a:gdLst>
              <a:gd name="connsiteX0" fmla="*/ 0 w 1867146"/>
              <a:gd name="connsiteY0" fmla="*/ 12192000 h 12192000"/>
              <a:gd name="connsiteX1" fmla="*/ 0 w 1867146"/>
              <a:gd name="connsiteY1" fmla="*/ 0 h 12192000"/>
              <a:gd name="connsiteX2" fmla="*/ 1068516 w 1867146"/>
              <a:gd name="connsiteY2" fmla="*/ 0 h 12192000"/>
              <a:gd name="connsiteX3" fmla="*/ 1867146 w 1867146"/>
              <a:gd name="connsiteY3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67146" h="12192000">
                <a:moveTo>
                  <a:pt x="0" y="12192000"/>
                </a:moveTo>
                <a:lnTo>
                  <a:pt x="0" y="0"/>
                </a:lnTo>
                <a:lnTo>
                  <a:pt x="1068516" y="0"/>
                </a:lnTo>
                <a:lnTo>
                  <a:pt x="1867146" y="12192000"/>
                </a:lnTo>
                <a:close/>
              </a:path>
            </a:pathLst>
          </a:custGeom>
          <a:solidFill>
            <a:schemeClr val="bg1">
              <a:alpha val="4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903974609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vertica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0800" y="1941513"/>
            <a:ext cx="5283625" cy="2211941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0800" y="4221131"/>
            <a:ext cx="5283625" cy="1727232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:a16="http://schemas.microsoft.com/office/drawing/2014/main" id="{13492851-79F2-4AA0-B822-7C538D60377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5970588"/>
            <a:ext cx="5546838" cy="334261"/>
          </a:xfrm>
        </p:spPr>
        <p:txBody>
          <a:bodyPr anchor="b"/>
          <a:lstStyle>
            <a:lvl1pPr>
              <a:buNone/>
              <a:defRPr sz="12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</a:p>
        </p:txBody>
      </p:sp>
      <p:sp>
        <p:nvSpPr>
          <p:cNvPr id="16" name="Picture Placeholder 34">
            <a:extLst>
              <a:ext uri="{FF2B5EF4-FFF2-40B4-BE49-F238E27FC236}">
                <a16:creationId xmlns:a16="http://schemas.microsoft.com/office/drawing/2014/main" id="{F046A3C2-C9E4-462B-8792-99E94D254B36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6370064" y="0"/>
            <a:ext cx="5840953" cy="6879014"/>
          </a:xfrm>
          <a:custGeom>
            <a:avLst/>
            <a:gdLst>
              <a:gd name="connsiteX0" fmla="*/ 0 w 10000"/>
              <a:gd name="connsiteY0" fmla="*/ 2000 h 10000"/>
              <a:gd name="connsiteX1" fmla="*/ 2000 w 10000"/>
              <a:gd name="connsiteY1" fmla="*/ 0 h 10000"/>
              <a:gd name="connsiteX2" fmla="*/ 10000 w 10000"/>
              <a:gd name="connsiteY2" fmla="*/ 0 h 10000"/>
              <a:gd name="connsiteX3" fmla="*/ 10000 w 10000"/>
              <a:gd name="connsiteY3" fmla="*/ 10000 h 10000"/>
              <a:gd name="connsiteX4" fmla="*/ 0 w 10000"/>
              <a:gd name="connsiteY4" fmla="*/ 10000 h 10000"/>
              <a:gd name="connsiteX5" fmla="*/ 0 w 10000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37 w 10037"/>
              <a:gd name="connsiteY4" fmla="*/ 10000 h 10000"/>
              <a:gd name="connsiteX5" fmla="*/ 37 w 10037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37 w 10037"/>
              <a:gd name="connsiteY5" fmla="*/ 2000 h 10000"/>
              <a:gd name="connsiteX0" fmla="*/ 292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292 w 10037"/>
              <a:gd name="connsiteY5" fmla="*/ 2000 h 10000"/>
              <a:gd name="connsiteX0" fmla="*/ 1463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0" fmla="*/ 1368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368 w 10037"/>
              <a:gd name="connsiteY4" fmla="*/ 10000 h 10000"/>
              <a:gd name="connsiteX0" fmla="*/ 1368 w 12976"/>
              <a:gd name="connsiteY0" fmla="*/ 10000 h 10000"/>
              <a:gd name="connsiteX1" fmla="*/ 0 w 12976"/>
              <a:gd name="connsiteY1" fmla="*/ 0 h 10000"/>
              <a:gd name="connsiteX2" fmla="*/ 12976 w 12976"/>
              <a:gd name="connsiteY2" fmla="*/ 0 h 10000"/>
              <a:gd name="connsiteX3" fmla="*/ 10037 w 12976"/>
              <a:gd name="connsiteY3" fmla="*/ 10000 h 10000"/>
              <a:gd name="connsiteX4" fmla="*/ 1368 w 12976"/>
              <a:gd name="connsiteY4" fmla="*/ 10000 h 10000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2976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3004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15" h="10026">
                <a:moveTo>
                  <a:pt x="1368" y="10000"/>
                </a:moveTo>
                <a:lnTo>
                  <a:pt x="0" y="0"/>
                </a:lnTo>
                <a:lnTo>
                  <a:pt x="13004" y="0"/>
                </a:lnTo>
                <a:cubicBezTo>
                  <a:pt x="13008" y="3342"/>
                  <a:pt x="13011" y="6684"/>
                  <a:pt x="13015" y="10026"/>
                </a:cubicBezTo>
                <a:lnTo>
                  <a:pt x="1368" y="10000"/>
                </a:lnTo>
                <a:close/>
              </a:path>
            </a:pathLst>
          </a:custGeom>
          <a:noFill/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icon to add picture</a:t>
            </a:r>
            <a:endParaRPr lang="en-GB" dirty="0"/>
          </a:p>
        </p:txBody>
      </p:sp>
      <p:pic>
        <p:nvPicPr>
          <p:cNvPr id="1335627822" name="image" descr="{&quot;templafy&quot;:{&quot;id&quot;:&quot;15710db7-20d4-4e13-9f44-7930bd0d6fb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1225" y="601200"/>
            <a:ext cx="2847600" cy="720000"/>
          </a:xfrm>
          <a:prstGeom prst="rect">
            <a:avLst/>
          </a:prstGeom>
        </p:spPr>
      </p:pic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910800" y="6296025"/>
            <a:ext cx="2084387" cy="148524"/>
          </a:xfrm>
          <a:prstGeom prst="rect">
            <a:avLst/>
          </a:prstGeom>
          <a:ln>
            <a:noFill/>
          </a:ln>
        </p:spPr>
        <p:txBody>
          <a:bodyPr lIns="0"/>
          <a:lstStyle>
            <a:lvl1pPr>
              <a:defRPr sz="1200">
                <a:solidFill>
                  <a:schemeClr val="accent3"/>
                </a:solidFill>
              </a:defRPr>
            </a:lvl1pPr>
          </a:lstStyle>
          <a:p>
            <a:fld id="{D22B4E18-5E14-4C78-B86F-74DD3D296A80}" type="datetime4">
              <a:rPr lang="en-GB" smtClean="0"/>
              <a:t>06 April 2022</a:t>
            </a:fld>
            <a:endParaRPr lang="en-GB" dirty="0"/>
          </a:p>
        </p:txBody>
      </p:sp>
      <p:sp>
        <p:nvSpPr>
          <p:cNvPr id="10" name="Pladsholder til sidefod 3">
            <a:extLst>
              <a:ext uri="{FF2B5EF4-FFF2-40B4-BE49-F238E27FC236}">
                <a16:creationId xmlns:a16="http://schemas.microsoft.com/office/drawing/2014/main" id="{41025905-3B74-41FC-9CF5-856C2A1CB3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Pladsholder til slidenummer 4">
            <a:extLst>
              <a:ext uri="{FF2B5EF4-FFF2-40B4-BE49-F238E27FC236}">
                <a16:creationId xmlns:a16="http://schemas.microsoft.com/office/drawing/2014/main" id="{5A33C91C-217D-4CA2-A5C7-7A2CD37DE2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ransparent shape">
            <a:extLst>
              <a:ext uri="{FF2B5EF4-FFF2-40B4-BE49-F238E27FC236}">
                <a16:creationId xmlns:a16="http://schemas.microsoft.com/office/drawing/2014/main" id="{97EF1AF0-391F-458A-B4E1-AB741356B79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flipV="1">
            <a:off x="6357159" y="-2677"/>
            <a:ext cx="2024236" cy="6877537"/>
          </a:xfrm>
          <a:custGeom>
            <a:avLst/>
            <a:gdLst>
              <a:gd name="connsiteX0" fmla="*/ 501062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0" fmla="*/ 447273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447273 w 2004247"/>
              <a:gd name="connsiteY4" fmla="*/ 0 h 6858000"/>
              <a:gd name="connsiteX0" fmla="*/ 529466 w 2004247"/>
              <a:gd name="connsiteY0" fmla="*/ 10274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529466 w 2004247"/>
              <a:gd name="connsiteY4" fmla="*/ 10274 h 6858000"/>
              <a:gd name="connsiteX0" fmla="*/ 529466 w 2004247"/>
              <a:gd name="connsiteY0" fmla="*/ 0 h 6878549"/>
              <a:gd name="connsiteX1" fmla="*/ 1503185 w 2004247"/>
              <a:gd name="connsiteY1" fmla="*/ 20549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29466 w 2004247"/>
              <a:gd name="connsiteY0" fmla="*/ 0 h 6878549"/>
              <a:gd name="connsiteX1" fmla="*/ 1492911 w 2004247"/>
              <a:gd name="connsiteY1" fmla="*/ 10275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91111 w 2065892"/>
              <a:gd name="connsiteY0" fmla="*/ 0 h 6878549"/>
              <a:gd name="connsiteX1" fmla="*/ 1554556 w 2065892"/>
              <a:gd name="connsiteY1" fmla="*/ 10275 h 6878549"/>
              <a:gd name="connsiteX2" fmla="*/ 2065892 w 2065892"/>
              <a:gd name="connsiteY2" fmla="*/ 6878549 h 6878549"/>
              <a:gd name="connsiteX3" fmla="*/ 0 w 2065892"/>
              <a:gd name="connsiteY3" fmla="*/ 6878549 h 6878549"/>
              <a:gd name="connsiteX4" fmla="*/ 591111 w 2065892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15125 h 6893674"/>
              <a:gd name="connsiteX1" fmla="*/ 1554556 w 2035070"/>
              <a:gd name="connsiteY1" fmla="*/ 0 h 6893674"/>
              <a:gd name="connsiteX2" fmla="*/ 2035070 w 2035070"/>
              <a:gd name="connsiteY2" fmla="*/ 6893674 h 6893674"/>
              <a:gd name="connsiteX3" fmla="*/ 0 w 2035070"/>
              <a:gd name="connsiteY3" fmla="*/ 6893674 h 6893674"/>
              <a:gd name="connsiteX4" fmla="*/ 591111 w 2035070"/>
              <a:gd name="connsiteY4" fmla="*/ 15125 h 6893674"/>
              <a:gd name="connsiteX0" fmla="*/ 580258 w 2024217"/>
              <a:gd name="connsiteY0" fmla="*/ 15125 h 6893674"/>
              <a:gd name="connsiteX1" fmla="*/ 1543703 w 2024217"/>
              <a:gd name="connsiteY1" fmla="*/ 0 h 6893674"/>
              <a:gd name="connsiteX2" fmla="*/ 2024217 w 2024217"/>
              <a:gd name="connsiteY2" fmla="*/ 6893674 h 6893674"/>
              <a:gd name="connsiteX3" fmla="*/ 0 w 2024217"/>
              <a:gd name="connsiteY3" fmla="*/ 6893674 h 6893674"/>
              <a:gd name="connsiteX4" fmla="*/ 580258 w 2024217"/>
              <a:gd name="connsiteY4" fmla="*/ 15125 h 6893674"/>
              <a:gd name="connsiteX0" fmla="*/ 580285 w 2024244"/>
              <a:gd name="connsiteY0" fmla="*/ 1512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80285 w 2024244"/>
              <a:gd name="connsiteY4" fmla="*/ 1512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17838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17838 h 6893674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5725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5725 h 6877537"/>
              <a:gd name="connsiteX0" fmla="*/ 604887 w 2024243"/>
              <a:gd name="connsiteY0" fmla="*/ 1700 h 6877537"/>
              <a:gd name="connsiteX1" fmla="*/ 1543729 w 2024243"/>
              <a:gd name="connsiteY1" fmla="*/ 0 h 6877537"/>
              <a:gd name="connsiteX2" fmla="*/ 2024243 w 2024243"/>
              <a:gd name="connsiteY2" fmla="*/ 6877537 h 6877537"/>
              <a:gd name="connsiteX3" fmla="*/ 26 w 2024243"/>
              <a:gd name="connsiteY3" fmla="*/ 6877537 h 6877537"/>
              <a:gd name="connsiteX4" fmla="*/ 604887 w 2024243"/>
              <a:gd name="connsiteY4" fmla="*/ 1700 h 6877537"/>
              <a:gd name="connsiteX0" fmla="*/ 604880 w 2024236"/>
              <a:gd name="connsiteY0" fmla="*/ 1700 h 6877537"/>
              <a:gd name="connsiteX1" fmla="*/ 1543722 w 2024236"/>
              <a:gd name="connsiteY1" fmla="*/ 0 h 6877537"/>
              <a:gd name="connsiteX2" fmla="*/ 2024236 w 2024236"/>
              <a:gd name="connsiteY2" fmla="*/ 6877537 h 6877537"/>
              <a:gd name="connsiteX3" fmla="*/ 19 w 2024236"/>
              <a:gd name="connsiteY3" fmla="*/ 6877537 h 6877537"/>
              <a:gd name="connsiteX4" fmla="*/ 604880 w 2024236"/>
              <a:gd name="connsiteY4" fmla="*/ 1700 h 687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24236" h="6877537">
                <a:moveTo>
                  <a:pt x="604880" y="1700"/>
                </a:moveTo>
                <a:cubicBezTo>
                  <a:pt x="607661" y="4799"/>
                  <a:pt x="1530119" y="7755"/>
                  <a:pt x="1543722" y="0"/>
                </a:cubicBezTo>
                <a:cubicBezTo>
                  <a:pt x="1703893" y="2289425"/>
                  <a:pt x="2018177" y="6848427"/>
                  <a:pt x="2024236" y="6877537"/>
                </a:cubicBezTo>
                <a:lnTo>
                  <a:pt x="19" y="6877537"/>
                </a:lnTo>
                <a:cubicBezTo>
                  <a:pt x="-3901" y="6878894"/>
                  <a:pt x="611763" y="-3910"/>
                  <a:pt x="604880" y="1700"/>
                </a:cubicBezTo>
                <a:close/>
              </a:path>
            </a:pathLst>
          </a:custGeom>
          <a:solidFill>
            <a:schemeClr val="bg1">
              <a:alpha val="5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331036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1 column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6E30E871-DBD1-4C23-A03B-88158715093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910800" y="1310481"/>
            <a:ext cx="10848895" cy="631032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1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D8572E7-C26F-4708-AC43-072DFD32E8E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0800" y="1941513"/>
            <a:ext cx="10848895" cy="40068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B4DB2BAD-30AF-7248-9CEB-625A8026B8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Date_GeneralDate" hidden="1">
            <a:extLst>
              <a:ext uri="{FF2B5EF4-FFF2-40B4-BE49-F238E27FC236}">
                <a16:creationId xmlns:a16="http://schemas.microsoft.com/office/drawing/2014/main" id="{2E8F6BAA-D5C9-448F-8971-E3813E6007A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B704443-C0B9-476B-943E-686F6CC51402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0024351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vertical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Freeform: Shape 39">
            <a:extLst>
              <a:ext uri="{FF2B5EF4-FFF2-40B4-BE49-F238E27FC236}">
                <a16:creationId xmlns:a16="http://schemas.microsoft.com/office/drawing/2014/main" id="{F6F182ED-AAEB-4A67-B95E-EB30254FF8E5}"/>
              </a:ext>
            </a:extLst>
          </p:cNvPr>
          <p:cNvSpPr/>
          <p:nvPr userDrawn="1"/>
        </p:nvSpPr>
        <p:spPr>
          <a:xfrm>
            <a:off x="-62194" y="-32"/>
            <a:ext cx="7180545" cy="6873771"/>
          </a:xfrm>
          <a:custGeom>
            <a:avLst/>
            <a:gdLst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775944 h 6861177"/>
              <a:gd name="connsiteX4" fmla="*/ 8299450 w 8299450"/>
              <a:gd name="connsiteY4" fmla="*/ 6861177 h 6861177"/>
              <a:gd name="connsiteX5" fmla="*/ 0 w 8299450"/>
              <a:gd name="connsiteY5" fmla="*/ 6861177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775944 h 6861177"/>
              <a:gd name="connsiteX4" fmla="*/ 8299450 w 8299450"/>
              <a:gd name="connsiteY4" fmla="*/ 6861177 h 6861177"/>
              <a:gd name="connsiteX5" fmla="*/ 0 w 8299450"/>
              <a:gd name="connsiteY5" fmla="*/ 6861177 h 6861177"/>
              <a:gd name="connsiteX6" fmla="*/ 0 w 8299450"/>
              <a:gd name="connsiteY6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8299450"/>
              <a:gd name="connsiteY0" fmla="*/ 0 h 6861177"/>
              <a:gd name="connsiteX1" fmla="*/ 7707627 w 8299450"/>
              <a:gd name="connsiteY1" fmla="*/ 0 h 6861177"/>
              <a:gd name="connsiteX2" fmla="*/ 8290454 w 8299450"/>
              <a:gd name="connsiteY2" fmla="*/ 6654981 h 6861177"/>
              <a:gd name="connsiteX3" fmla="*/ 8299450 w 8299450"/>
              <a:gd name="connsiteY3" fmla="*/ 6861177 h 6861177"/>
              <a:gd name="connsiteX4" fmla="*/ 0 w 8299450"/>
              <a:gd name="connsiteY4" fmla="*/ 6861177 h 6861177"/>
              <a:gd name="connsiteX5" fmla="*/ 0 w 8299450"/>
              <a:gd name="connsiteY5" fmla="*/ 0 h 6861177"/>
              <a:gd name="connsiteX0" fmla="*/ 0 w 9044461"/>
              <a:gd name="connsiteY0" fmla="*/ 0 h 6861177"/>
              <a:gd name="connsiteX1" fmla="*/ 7707627 w 9044461"/>
              <a:gd name="connsiteY1" fmla="*/ 0 h 6861177"/>
              <a:gd name="connsiteX2" fmla="*/ 8299450 w 9044461"/>
              <a:gd name="connsiteY2" fmla="*/ 6861177 h 6861177"/>
              <a:gd name="connsiteX3" fmla="*/ 0 w 9044461"/>
              <a:gd name="connsiteY3" fmla="*/ 6861177 h 6861177"/>
              <a:gd name="connsiteX4" fmla="*/ 0 w 9044461"/>
              <a:gd name="connsiteY4" fmla="*/ 0 h 6861177"/>
              <a:gd name="connsiteX0" fmla="*/ 0 w 8537493"/>
              <a:gd name="connsiteY0" fmla="*/ 0 h 6861177"/>
              <a:gd name="connsiteX1" fmla="*/ 7707627 w 8537493"/>
              <a:gd name="connsiteY1" fmla="*/ 0 h 6861177"/>
              <a:gd name="connsiteX2" fmla="*/ 8299450 w 8537493"/>
              <a:gd name="connsiteY2" fmla="*/ 6861177 h 6861177"/>
              <a:gd name="connsiteX3" fmla="*/ 0 w 8537493"/>
              <a:gd name="connsiteY3" fmla="*/ 6861177 h 6861177"/>
              <a:gd name="connsiteX4" fmla="*/ 0 w 8537493"/>
              <a:gd name="connsiteY4" fmla="*/ 0 h 6861177"/>
              <a:gd name="connsiteX0" fmla="*/ 0 w 8300935"/>
              <a:gd name="connsiteY0" fmla="*/ 31 h 6861208"/>
              <a:gd name="connsiteX1" fmla="*/ 7707627 w 8300935"/>
              <a:gd name="connsiteY1" fmla="*/ 31 h 6861208"/>
              <a:gd name="connsiteX2" fmla="*/ 8299450 w 8300935"/>
              <a:gd name="connsiteY2" fmla="*/ 6861208 h 6861208"/>
              <a:gd name="connsiteX3" fmla="*/ 0 w 8300935"/>
              <a:gd name="connsiteY3" fmla="*/ 6861208 h 6861208"/>
              <a:gd name="connsiteX4" fmla="*/ 0 w 8300935"/>
              <a:gd name="connsiteY4" fmla="*/ 31 h 6861208"/>
              <a:gd name="connsiteX0" fmla="*/ 2250831 w 8300935"/>
              <a:gd name="connsiteY0" fmla="*/ 0 h 6878762"/>
              <a:gd name="connsiteX1" fmla="*/ 7707627 w 8300935"/>
              <a:gd name="connsiteY1" fmla="*/ 17585 h 6878762"/>
              <a:gd name="connsiteX2" fmla="*/ 8299450 w 8300935"/>
              <a:gd name="connsiteY2" fmla="*/ 6878762 h 6878762"/>
              <a:gd name="connsiteX3" fmla="*/ 0 w 8300935"/>
              <a:gd name="connsiteY3" fmla="*/ 6878762 h 6878762"/>
              <a:gd name="connsiteX4" fmla="*/ 2250831 w 8300935"/>
              <a:gd name="connsiteY4" fmla="*/ 0 h 6878762"/>
              <a:gd name="connsiteX0" fmla="*/ 1213339 w 8300935"/>
              <a:gd name="connsiteY0" fmla="*/ 32 h 6861209"/>
              <a:gd name="connsiteX1" fmla="*/ 7707627 w 8300935"/>
              <a:gd name="connsiteY1" fmla="*/ 32 h 6861209"/>
              <a:gd name="connsiteX2" fmla="*/ 8299450 w 8300935"/>
              <a:gd name="connsiteY2" fmla="*/ 6861209 h 6861209"/>
              <a:gd name="connsiteX3" fmla="*/ 0 w 8300935"/>
              <a:gd name="connsiteY3" fmla="*/ 6861209 h 6861209"/>
              <a:gd name="connsiteX4" fmla="*/ 1213339 w 8300935"/>
              <a:gd name="connsiteY4" fmla="*/ 32 h 6861209"/>
              <a:gd name="connsiteX0" fmla="*/ 87924 w 7175520"/>
              <a:gd name="connsiteY0" fmla="*/ 32 h 6878794"/>
              <a:gd name="connsiteX1" fmla="*/ 6582212 w 7175520"/>
              <a:gd name="connsiteY1" fmla="*/ 32 h 6878794"/>
              <a:gd name="connsiteX2" fmla="*/ 7174035 w 7175520"/>
              <a:gd name="connsiteY2" fmla="*/ 6861209 h 6878794"/>
              <a:gd name="connsiteX3" fmla="*/ 0 w 7175520"/>
              <a:gd name="connsiteY3" fmla="*/ 6878794 h 6878794"/>
              <a:gd name="connsiteX4" fmla="*/ 87924 w 7175520"/>
              <a:gd name="connsiteY4" fmla="*/ 32 h 6878794"/>
              <a:gd name="connsiteX0" fmla="*/ 70339 w 7175520"/>
              <a:gd name="connsiteY0" fmla="*/ 32 h 6878794"/>
              <a:gd name="connsiteX1" fmla="*/ 6582212 w 7175520"/>
              <a:gd name="connsiteY1" fmla="*/ 32 h 6878794"/>
              <a:gd name="connsiteX2" fmla="*/ 7174035 w 7175520"/>
              <a:gd name="connsiteY2" fmla="*/ 6861209 h 6878794"/>
              <a:gd name="connsiteX3" fmla="*/ 0 w 7175520"/>
              <a:gd name="connsiteY3" fmla="*/ 6878794 h 6878794"/>
              <a:gd name="connsiteX4" fmla="*/ 70339 w 7175520"/>
              <a:gd name="connsiteY4" fmla="*/ 32 h 6878794"/>
              <a:gd name="connsiteX0" fmla="*/ 35170 w 7140351"/>
              <a:gd name="connsiteY0" fmla="*/ 32 h 6861209"/>
              <a:gd name="connsiteX1" fmla="*/ 6547043 w 7140351"/>
              <a:gd name="connsiteY1" fmla="*/ 32 h 6861209"/>
              <a:gd name="connsiteX2" fmla="*/ 7138866 w 7140351"/>
              <a:gd name="connsiteY2" fmla="*/ 6861209 h 6861209"/>
              <a:gd name="connsiteX3" fmla="*/ 0 w 7140351"/>
              <a:gd name="connsiteY3" fmla="*/ 6843625 h 6861209"/>
              <a:gd name="connsiteX4" fmla="*/ 35170 w 7140351"/>
              <a:gd name="connsiteY4" fmla="*/ 32 h 6861209"/>
              <a:gd name="connsiteX0" fmla="*/ 1 w 7140351"/>
              <a:gd name="connsiteY0" fmla="*/ 32 h 6861209"/>
              <a:gd name="connsiteX1" fmla="*/ 6547043 w 7140351"/>
              <a:gd name="connsiteY1" fmla="*/ 32 h 6861209"/>
              <a:gd name="connsiteX2" fmla="*/ 7138866 w 7140351"/>
              <a:gd name="connsiteY2" fmla="*/ 6861209 h 6861209"/>
              <a:gd name="connsiteX3" fmla="*/ 0 w 7140351"/>
              <a:gd name="connsiteY3" fmla="*/ 6843625 h 6861209"/>
              <a:gd name="connsiteX4" fmla="*/ 1 w 7140351"/>
              <a:gd name="connsiteY4" fmla="*/ 32 h 6861209"/>
              <a:gd name="connsiteX0" fmla="*/ 40195 w 7180545"/>
              <a:gd name="connsiteY0" fmla="*/ 32 h 6873771"/>
              <a:gd name="connsiteX1" fmla="*/ 6587237 w 7180545"/>
              <a:gd name="connsiteY1" fmla="*/ 32 h 6873771"/>
              <a:gd name="connsiteX2" fmla="*/ 7179060 w 7180545"/>
              <a:gd name="connsiteY2" fmla="*/ 6861209 h 6873771"/>
              <a:gd name="connsiteX3" fmla="*/ 0 w 7180545"/>
              <a:gd name="connsiteY3" fmla="*/ 6873771 h 6873771"/>
              <a:gd name="connsiteX4" fmla="*/ 40195 w 7180545"/>
              <a:gd name="connsiteY4" fmla="*/ 32 h 687377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7180545" h="6873771">
                <a:moveTo>
                  <a:pt x="40195" y="32"/>
                </a:moveTo>
                <a:lnTo>
                  <a:pt x="6587237" y="32"/>
                </a:lnTo>
                <a:cubicBezTo>
                  <a:pt x="6581294" y="-17022"/>
                  <a:pt x="7215156" y="6843096"/>
                  <a:pt x="7179060" y="6861209"/>
                </a:cubicBezTo>
                <a:lnTo>
                  <a:pt x="0" y="6873771"/>
                </a:lnTo>
                <a:cubicBezTo>
                  <a:pt x="0" y="4592573"/>
                  <a:pt x="40195" y="2281230"/>
                  <a:pt x="40195" y="32"/>
                </a:cubicBez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10800" y="1941513"/>
            <a:ext cx="5283625" cy="2211941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10800" y="4221131"/>
            <a:ext cx="5316211" cy="1727231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Text Placeholder 15">
            <a:extLst>
              <a:ext uri="{FF2B5EF4-FFF2-40B4-BE49-F238E27FC236}">
                <a16:creationId xmlns:a16="http://schemas.microsoft.com/office/drawing/2014/main" id="{13492851-79F2-4AA0-B822-7C538D60377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0800" y="5970588"/>
            <a:ext cx="5599673" cy="334261"/>
          </a:xfrm>
        </p:spPr>
        <p:txBody>
          <a:bodyPr anchor="b"/>
          <a:lstStyle>
            <a:lvl1pPr>
              <a:buNone/>
              <a:defRPr sz="12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Name or text</a:t>
            </a:r>
          </a:p>
        </p:txBody>
      </p:sp>
      <p:sp>
        <p:nvSpPr>
          <p:cNvPr id="12" name="Picture Placeholder 34">
            <a:extLst>
              <a:ext uri="{FF2B5EF4-FFF2-40B4-BE49-F238E27FC236}">
                <a16:creationId xmlns:a16="http://schemas.microsoft.com/office/drawing/2014/main" id="{B7725E52-7CB4-4322-B59D-0124E7007860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6354824" y="-3174"/>
            <a:ext cx="5840953" cy="6879014"/>
          </a:xfrm>
          <a:custGeom>
            <a:avLst/>
            <a:gdLst>
              <a:gd name="connsiteX0" fmla="*/ 0 w 10000"/>
              <a:gd name="connsiteY0" fmla="*/ 2000 h 10000"/>
              <a:gd name="connsiteX1" fmla="*/ 2000 w 10000"/>
              <a:gd name="connsiteY1" fmla="*/ 0 h 10000"/>
              <a:gd name="connsiteX2" fmla="*/ 10000 w 10000"/>
              <a:gd name="connsiteY2" fmla="*/ 0 h 10000"/>
              <a:gd name="connsiteX3" fmla="*/ 10000 w 10000"/>
              <a:gd name="connsiteY3" fmla="*/ 10000 h 10000"/>
              <a:gd name="connsiteX4" fmla="*/ 0 w 10000"/>
              <a:gd name="connsiteY4" fmla="*/ 10000 h 10000"/>
              <a:gd name="connsiteX5" fmla="*/ 0 w 10000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37 w 10037"/>
              <a:gd name="connsiteY4" fmla="*/ 10000 h 10000"/>
              <a:gd name="connsiteX5" fmla="*/ 37 w 10037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37 w 10037"/>
              <a:gd name="connsiteY5" fmla="*/ 2000 h 10000"/>
              <a:gd name="connsiteX0" fmla="*/ 292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292 w 10037"/>
              <a:gd name="connsiteY5" fmla="*/ 2000 h 10000"/>
              <a:gd name="connsiteX0" fmla="*/ 1463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0" fmla="*/ 1368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368 w 10037"/>
              <a:gd name="connsiteY4" fmla="*/ 10000 h 10000"/>
              <a:gd name="connsiteX0" fmla="*/ 1368 w 12976"/>
              <a:gd name="connsiteY0" fmla="*/ 10000 h 10000"/>
              <a:gd name="connsiteX1" fmla="*/ 0 w 12976"/>
              <a:gd name="connsiteY1" fmla="*/ 0 h 10000"/>
              <a:gd name="connsiteX2" fmla="*/ 12976 w 12976"/>
              <a:gd name="connsiteY2" fmla="*/ 0 h 10000"/>
              <a:gd name="connsiteX3" fmla="*/ 10037 w 12976"/>
              <a:gd name="connsiteY3" fmla="*/ 10000 h 10000"/>
              <a:gd name="connsiteX4" fmla="*/ 1368 w 12976"/>
              <a:gd name="connsiteY4" fmla="*/ 10000 h 10000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2976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3004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15" h="10026">
                <a:moveTo>
                  <a:pt x="1368" y="10000"/>
                </a:moveTo>
                <a:lnTo>
                  <a:pt x="0" y="0"/>
                </a:lnTo>
                <a:lnTo>
                  <a:pt x="13004" y="0"/>
                </a:lnTo>
                <a:cubicBezTo>
                  <a:pt x="13008" y="3342"/>
                  <a:pt x="13011" y="6684"/>
                  <a:pt x="13015" y="10026"/>
                </a:cubicBezTo>
                <a:lnTo>
                  <a:pt x="1368" y="10000"/>
                </a:lnTo>
                <a:close/>
              </a:path>
            </a:pathLst>
          </a:custGeom>
          <a:noFill/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icon to add picture</a:t>
            </a:r>
            <a:endParaRPr lang="en-GB" dirty="0"/>
          </a:p>
        </p:txBody>
      </p:sp>
      <p:pic>
        <p:nvPicPr>
          <p:cNvPr id="424200031" name="image" descr="{&quot;templafy&quot;:{&quot;id&quot;:&quot;a74c9d15-2563-4429-8cb9-6831437444d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0800" y="601509"/>
            <a:ext cx="2847600" cy="720000"/>
          </a:xfrm>
          <a:prstGeom prst="rect">
            <a:avLst/>
          </a:prstGeom>
        </p:spPr>
      </p:pic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910800" y="6296025"/>
            <a:ext cx="2084387" cy="148524"/>
          </a:xfrm>
          <a:prstGeom prst="rect">
            <a:avLst/>
          </a:prstGeom>
          <a:ln>
            <a:noFill/>
          </a:ln>
        </p:spPr>
        <p:txBody>
          <a:bodyPr lIns="0"/>
          <a:lstStyle>
            <a:lvl1pPr>
              <a:defRPr sz="1200">
                <a:solidFill>
                  <a:schemeClr val="bg1"/>
                </a:solidFill>
              </a:defRPr>
            </a:lvl1pPr>
          </a:lstStyle>
          <a:p>
            <a:fld id="{7997BF0B-1B76-490F-B7C6-4571F8EFA670}" type="datetime4">
              <a:rPr lang="en-GB" smtClean="0"/>
              <a:t>06 April 2022</a:t>
            </a:fld>
            <a:endParaRPr lang="en-GB" dirty="0"/>
          </a:p>
        </p:txBody>
      </p:sp>
      <p:sp>
        <p:nvSpPr>
          <p:cNvPr id="13" name="Pladsholder til sidefod 3">
            <a:extLst>
              <a:ext uri="{FF2B5EF4-FFF2-40B4-BE49-F238E27FC236}">
                <a16:creationId xmlns:a16="http://schemas.microsoft.com/office/drawing/2014/main" id="{6DBBCDEF-57A6-47CE-98D0-24CFD3D406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4">
            <a:extLst>
              <a:ext uri="{FF2B5EF4-FFF2-40B4-BE49-F238E27FC236}">
                <a16:creationId xmlns:a16="http://schemas.microsoft.com/office/drawing/2014/main" id="{25C5108C-E0BE-4637-9C10-B6F7E3A727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ransparent shape">
            <a:extLst>
              <a:ext uri="{FF2B5EF4-FFF2-40B4-BE49-F238E27FC236}">
                <a16:creationId xmlns:a16="http://schemas.microsoft.com/office/drawing/2014/main" id="{22E4BE84-E31F-42B7-BB64-8E4A533FCB0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flipV="1">
            <a:off x="6357159" y="-2677"/>
            <a:ext cx="2024236" cy="6877537"/>
          </a:xfrm>
          <a:custGeom>
            <a:avLst/>
            <a:gdLst>
              <a:gd name="connsiteX0" fmla="*/ 501062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0" fmla="*/ 447273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447273 w 2004247"/>
              <a:gd name="connsiteY4" fmla="*/ 0 h 6858000"/>
              <a:gd name="connsiteX0" fmla="*/ 529466 w 2004247"/>
              <a:gd name="connsiteY0" fmla="*/ 10274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529466 w 2004247"/>
              <a:gd name="connsiteY4" fmla="*/ 10274 h 6858000"/>
              <a:gd name="connsiteX0" fmla="*/ 529466 w 2004247"/>
              <a:gd name="connsiteY0" fmla="*/ 0 h 6878549"/>
              <a:gd name="connsiteX1" fmla="*/ 1503185 w 2004247"/>
              <a:gd name="connsiteY1" fmla="*/ 20549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29466 w 2004247"/>
              <a:gd name="connsiteY0" fmla="*/ 0 h 6878549"/>
              <a:gd name="connsiteX1" fmla="*/ 1492911 w 2004247"/>
              <a:gd name="connsiteY1" fmla="*/ 10275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91111 w 2065892"/>
              <a:gd name="connsiteY0" fmla="*/ 0 h 6878549"/>
              <a:gd name="connsiteX1" fmla="*/ 1554556 w 2065892"/>
              <a:gd name="connsiteY1" fmla="*/ 10275 h 6878549"/>
              <a:gd name="connsiteX2" fmla="*/ 2065892 w 2065892"/>
              <a:gd name="connsiteY2" fmla="*/ 6878549 h 6878549"/>
              <a:gd name="connsiteX3" fmla="*/ 0 w 2065892"/>
              <a:gd name="connsiteY3" fmla="*/ 6878549 h 6878549"/>
              <a:gd name="connsiteX4" fmla="*/ 591111 w 2065892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15125 h 6893674"/>
              <a:gd name="connsiteX1" fmla="*/ 1554556 w 2035070"/>
              <a:gd name="connsiteY1" fmla="*/ 0 h 6893674"/>
              <a:gd name="connsiteX2" fmla="*/ 2035070 w 2035070"/>
              <a:gd name="connsiteY2" fmla="*/ 6893674 h 6893674"/>
              <a:gd name="connsiteX3" fmla="*/ 0 w 2035070"/>
              <a:gd name="connsiteY3" fmla="*/ 6893674 h 6893674"/>
              <a:gd name="connsiteX4" fmla="*/ 591111 w 2035070"/>
              <a:gd name="connsiteY4" fmla="*/ 15125 h 6893674"/>
              <a:gd name="connsiteX0" fmla="*/ 580258 w 2024217"/>
              <a:gd name="connsiteY0" fmla="*/ 15125 h 6893674"/>
              <a:gd name="connsiteX1" fmla="*/ 1543703 w 2024217"/>
              <a:gd name="connsiteY1" fmla="*/ 0 h 6893674"/>
              <a:gd name="connsiteX2" fmla="*/ 2024217 w 2024217"/>
              <a:gd name="connsiteY2" fmla="*/ 6893674 h 6893674"/>
              <a:gd name="connsiteX3" fmla="*/ 0 w 2024217"/>
              <a:gd name="connsiteY3" fmla="*/ 6893674 h 6893674"/>
              <a:gd name="connsiteX4" fmla="*/ 580258 w 2024217"/>
              <a:gd name="connsiteY4" fmla="*/ 15125 h 6893674"/>
              <a:gd name="connsiteX0" fmla="*/ 580285 w 2024244"/>
              <a:gd name="connsiteY0" fmla="*/ 1512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80285 w 2024244"/>
              <a:gd name="connsiteY4" fmla="*/ 1512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17838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17838 h 6893674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5725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5725 h 6877537"/>
              <a:gd name="connsiteX0" fmla="*/ 604887 w 2024243"/>
              <a:gd name="connsiteY0" fmla="*/ 1700 h 6877537"/>
              <a:gd name="connsiteX1" fmla="*/ 1543729 w 2024243"/>
              <a:gd name="connsiteY1" fmla="*/ 0 h 6877537"/>
              <a:gd name="connsiteX2" fmla="*/ 2024243 w 2024243"/>
              <a:gd name="connsiteY2" fmla="*/ 6877537 h 6877537"/>
              <a:gd name="connsiteX3" fmla="*/ 26 w 2024243"/>
              <a:gd name="connsiteY3" fmla="*/ 6877537 h 6877537"/>
              <a:gd name="connsiteX4" fmla="*/ 604887 w 2024243"/>
              <a:gd name="connsiteY4" fmla="*/ 1700 h 6877537"/>
              <a:gd name="connsiteX0" fmla="*/ 604880 w 2024236"/>
              <a:gd name="connsiteY0" fmla="*/ 1700 h 6877537"/>
              <a:gd name="connsiteX1" fmla="*/ 1543722 w 2024236"/>
              <a:gd name="connsiteY1" fmla="*/ 0 h 6877537"/>
              <a:gd name="connsiteX2" fmla="*/ 2024236 w 2024236"/>
              <a:gd name="connsiteY2" fmla="*/ 6877537 h 6877537"/>
              <a:gd name="connsiteX3" fmla="*/ 19 w 2024236"/>
              <a:gd name="connsiteY3" fmla="*/ 6877537 h 6877537"/>
              <a:gd name="connsiteX4" fmla="*/ 604880 w 2024236"/>
              <a:gd name="connsiteY4" fmla="*/ 1700 h 687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24236" h="6877537">
                <a:moveTo>
                  <a:pt x="604880" y="1700"/>
                </a:moveTo>
                <a:cubicBezTo>
                  <a:pt x="607661" y="4799"/>
                  <a:pt x="1530119" y="7755"/>
                  <a:pt x="1543722" y="0"/>
                </a:cubicBezTo>
                <a:cubicBezTo>
                  <a:pt x="1703893" y="2289425"/>
                  <a:pt x="2018177" y="6848427"/>
                  <a:pt x="2024236" y="6877537"/>
                </a:cubicBezTo>
                <a:lnTo>
                  <a:pt x="19" y="6877537"/>
                </a:lnTo>
                <a:cubicBezTo>
                  <a:pt x="-3901" y="6878894"/>
                  <a:pt x="611763" y="-3910"/>
                  <a:pt x="604880" y="1700"/>
                </a:cubicBezTo>
                <a:close/>
              </a:path>
            </a:pathLst>
          </a:custGeom>
          <a:solidFill>
            <a:schemeClr val="bg1">
              <a:alpha val="5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712007393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ext 1 column Title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3670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0800" y="1944000"/>
            <a:ext cx="10836700" cy="397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2D8AC7DC-2103-2541-89A6-BD6583E080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Date_GeneralDate">
            <a:extLst>
              <a:ext uri="{FF2B5EF4-FFF2-40B4-BE49-F238E27FC236}">
                <a16:creationId xmlns:a16="http://schemas.microsoft.com/office/drawing/2014/main" id="{9B39197B-8094-43EA-89CD-DF3544B6C2C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8902024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ext 1 column Title 1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36700" cy="90882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0800" y="1520825"/>
            <a:ext cx="10836700" cy="44011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2D8AC7DC-2103-2541-89A6-BD6583E080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Date_GeneralDate">
            <a:extLst>
              <a:ext uri="{FF2B5EF4-FFF2-40B4-BE49-F238E27FC236}">
                <a16:creationId xmlns:a16="http://schemas.microsoft.com/office/drawing/2014/main" id="{014F5DB0-94B9-4766-A5E0-2C72D5C367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9268834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ext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1225" y="606425"/>
            <a:ext cx="10836276" cy="133757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910800" y="1944000"/>
            <a:ext cx="5282049" cy="397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446838" y="1944000"/>
            <a:ext cx="5282049" cy="397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9" name="FLD_PresentationTitle">
            <a:extLst>
              <a:ext uri="{FF2B5EF4-FFF2-40B4-BE49-F238E27FC236}">
                <a16:creationId xmlns:a16="http://schemas.microsoft.com/office/drawing/2014/main" id="{491EACB8-676F-3749-8435-767D987051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Date_GeneralDate">
            <a:extLst>
              <a:ext uri="{FF2B5EF4-FFF2-40B4-BE49-F238E27FC236}">
                <a16:creationId xmlns:a16="http://schemas.microsoft.com/office/drawing/2014/main" id="{456D1281-98E3-4B88-AF8E-1A0B0FA6E04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5437547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2 columns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6E30E871-DBD1-4C23-A03B-88158715093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910800" y="1944000"/>
            <a:ext cx="5264263" cy="56353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1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AA18529F-7C47-4E17-B4F4-70A35B6F0AB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61674" y="1944000"/>
            <a:ext cx="5294425" cy="565200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D8572E7-C26F-4708-AC43-072DFD32E8E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0800" y="2506906"/>
            <a:ext cx="5264263" cy="34414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D3765AA7-BF08-4F50-BF38-A5D945144B0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446838" y="2506906"/>
            <a:ext cx="5301095" cy="34414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B4DB2BAD-30AF-7248-9CEB-625A8026B8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Date_GeneralDate">
            <a:extLst>
              <a:ext uri="{FF2B5EF4-FFF2-40B4-BE49-F238E27FC236}">
                <a16:creationId xmlns:a16="http://schemas.microsoft.com/office/drawing/2014/main" id="{354B9946-1769-483C-9EB7-841F72720A8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4325086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4750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08C49F6C-82FB-4202-A9FE-D33777E339EE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453074" y="1941513"/>
            <a:ext cx="5294426" cy="2882487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5073561"/>
            <a:ext cx="5294425" cy="262444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1" i="0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6446838" y="5073561"/>
            <a:ext cx="5300662" cy="262444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A4F95CD8-C53C-418B-8CE7-7E42C91567D4}"/>
              </a:ext>
            </a:extLst>
          </p:cNvPr>
          <p:cNvSpPr>
            <a:spLocks noGrp="1"/>
          </p:cNvSpPr>
          <p:nvPr>
            <p:ph type="body" idx="18" hasCustomPrompt="1"/>
          </p:nvPr>
        </p:nvSpPr>
        <p:spPr>
          <a:xfrm>
            <a:off x="910800" y="5397411"/>
            <a:ext cx="5294425" cy="550952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0" i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20B6C34D-A0EE-46AE-AD3D-65609DC12D7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46838" y="5397411"/>
            <a:ext cx="5300662" cy="550952"/>
          </a:xfrm>
        </p:spPr>
        <p:txBody>
          <a:bodyPr anchor="t">
            <a:noAutofit/>
          </a:bodyPr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5" name="Content Placeholder 20">
            <a:extLst>
              <a:ext uri="{FF2B5EF4-FFF2-40B4-BE49-F238E27FC236}">
                <a16:creationId xmlns:a16="http://schemas.microsoft.com/office/drawing/2014/main" id="{0591F093-FB2E-6548-A8E9-B68BAC488C07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11225" y="1941512"/>
            <a:ext cx="5294426" cy="2882487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900000" y="6277560"/>
            <a:ext cx="394920" cy="180000"/>
          </a:xfr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4" name="FLD_PresentationTitle">
            <a:extLst>
              <a:ext uri="{FF2B5EF4-FFF2-40B4-BE49-F238E27FC236}">
                <a16:creationId xmlns:a16="http://schemas.microsoft.com/office/drawing/2014/main" id="{058A917C-1014-7148-9903-12F67659F738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Date_GeneralDate">
            <a:extLst>
              <a:ext uri="{FF2B5EF4-FFF2-40B4-BE49-F238E27FC236}">
                <a16:creationId xmlns:a16="http://schemas.microsoft.com/office/drawing/2014/main" id="{058C7931-DBBD-42EB-8CCB-115A685CDD6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83564620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4750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1639333C-621A-4198-9AA3-81AC3DA6E5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10800" y="1944000"/>
            <a:ext cx="3448163" cy="2226363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4433450"/>
            <a:ext cx="3448163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 i="0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4604331" y="4433450"/>
            <a:ext cx="3449637" cy="300551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D52EEC7-C984-4803-8EBC-DE4817DE23A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299336" y="4433450"/>
            <a:ext cx="3448164" cy="300551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headline</a:t>
            </a:r>
          </a:p>
        </p:txBody>
      </p:sp>
      <p:sp>
        <p:nvSpPr>
          <p:cNvPr id="12" name="Content Placeholder 18">
            <a:extLst>
              <a:ext uri="{FF2B5EF4-FFF2-40B4-BE49-F238E27FC236}">
                <a16:creationId xmlns:a16="http://schemas.microsoft.com/office/drawing/2014/main" id="{7B9FB339-F8FE-4CEF-A1D2-59B79FE0CB38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4605125" y="1944000"/>
            <a:ext cx="3448163" cy="2226363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13" name="Content Placeholder 18">
            <a:extLst>
              <a:ext uri="{FF2B5EF4-FFF2-40B4-BE49-F238E27FC236}">
                <a16:creationId xmlns:a16="http://schemas.microsoft.com/office/drawing/2014/main" id="{A46FB0D7-4284-4A8E-BE04-325186BD6AFB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8299450" y="1944000"/>
            <a:ext cx="3448050" cy="2226363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BB9CB4EC-6D48-41AB-B344-F467AF161907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910800" y="4795399"/>
            <a:ext cx="3448163" cy="11529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 i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26E7806D-ED9D-404B-92CB-7767041EF37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604331" y="4795399"/>
            <a:ext cx="3449637" cy="1152963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accent3"/>
                </a:solidFill>
              </a:defRPr>
            </a:lvl1pPr>
            <a:lvl2pPr marL="0" indent="0">
              <a:buNone/>
              <a:defRPr sz="18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7" name="Text Placeholder 10">
            <a:extLst>
              <a:ext uri="{FF2B5EF4-FFF2-40B4-BE49-F238E27FC236}">
                <a16:creationId xmlns:a16="http://schemas.microsoft.com/office/drawing/2014/main" id="{30611C6F-6A23-4809-9530-DB0ADED1837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299336" y="4795399"/>
            <a:ext cx="3448164" cy="1152963"/>
          </a:xfrm>
        </p:spPr>
        <p:txBody>
          <a:bodyPr/>
          <a:lstStyle>
            <a:lvl1pPr marL="0" indent="0">
              <a:buNone/>
              <a:defRPr b="0">
                <a:solidFill>
                  <a:schemeClr val="accent3"/>
                </a:solidFill>
              </a:defRPr>
            </a:lvl1pPr>
            <a:lvl2pPr marL="0" indent="0">
              <a:buNone/>
              <a:defRPr/>
            </a:lvl2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0B75EACF-5A11-2A42-8647-3430880DB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Date_GeneralDate">
            <a:extLst>
              <a:ext uri="{FF2B5EF4-FFF2-40B4-BE49-F238E27FC236}">
                <a16:creationId xmlns:a16="http://schemas.microsoft.com/office/drawing/2014/main" id="{4706FFDF-8A8C-4718-8B3F-5218E5392DF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2741235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1639333C-621A-4198-9AA3-81AC3DA6E5B4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10800" y="1944000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910800" y="3716472"/>
            <a:ext cx="2524238" cy="2205528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6" name="Content Placeholder 18">
            <a:extLst>
              <a:ext uri="{FF2B5EF4-FFF2-40B4-BE49-F238E27FC236}">
                <a16:creationId xmlns:a16="http://schemas.microsoft.com/office/drawing/2014/main" id="{807D49C6-51AE-4727-BD79-4B4FE9D6FA03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3670187" y="1944000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17" name="Content Placeholder 18">
            <a:extLst>
              <a:ext uri="{FF2B5EF4-FFF2-40B4-BE49-F238E27FC236}">
                <a16:creationId xmlns:a16="http://schemas.microsoft.com/office/drawing/2014/main" id="{6242CCC1-AC50-4516-9BCA-28E0CE7651C0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438408" y="1944000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18" name="Content Placeholder 18">
            <a:extLst>
              <a:ext uri="{FF2B5EF4-FFF2-40B4-BE49-F238E27FC236}">
                <a16:creationId xmlns:a16="http://schemas.microsoft.com/office/drawing/2014/main" id="{0D431630-CEB9-462D-AB7A-79F9ADE48EB5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9208528" y="1944000"/>
            <a:ext cx="2524238" cy="148468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14FE1FC2-311E-4F8A-B138-4CEA71DCBCF0}"/>
              </a:ext>
            </a:extLst>
          </p:cNvPr>
          <p:cNvSpPr>
            <a:spLocks noGrp="1"/>
          </p:cNvSpPr>
          <p:nvPr>
            <p:ph type="body" idx="23" hasCustomPrompt="1"/>
          </p:nvPr>
        </p:nvSpPr>
        <p:spPr>
          <a:xfrm>
            <a:off x="3675063" y="3716472"/>
            <a:ext cx="2524238" cy="2205528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22" name="Text Placeholder 2">
            <a:extLst>
              <a:ext uri="{FF2B5EF4-FFF2-40B4-BE49-F238E27FC236}">
                <a16:creationId xmlns:a16="http://schemas.microsoft.com/office/drawing/2014/main" id="{0F927034-9889-4D24-8922-FAD143802295}"/>
              </a:ext>
            </a:extLst>
          </p:cNvPr>
          <p:cNvSpPr>
            <a:spLocks noGrp="1"/>
          </p:cNvSpPr>
          <p:nvPr>
            <p:ph type="body" idx="24" hasCustomPrompt="1"/>
          </p:nvPr>
        </p:nvSpPr>
        <p:spPr>
          <a:xfrm>
            <a:off x="6446838" y="3716472"/>
            <a:ext cx="2524238" cy="2205528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B08AD8EE-46A2-43BB-B399-0F5315A5C0EF}"/>
              </a:ext>
            </a:extLst>
          </p:cNvPr>
          <p:cNvSpPr>
            <a:spLocks noGrp="1"/>
          </p:cNvSpPr>
          <p:nvPr>
            <p:ph type="body" idx="25" hasCustomPrompt="1"/>
          </p:nvPr>
        </p:nvSpPr>
        <p:spPr>
          <a:xfrm>
            <a:off x="9223262" y="3716472"/>
            <a:ext cx="2524238" cy="2205528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400" b="0" i="0">
                <a:solidFill>
                  <a:schemeClr val="accent3"/>
                </a:solidFill>
              </a:defRPr>
            </a:lvl1pPr>
            <a:lvl2pPr marL="0" indent="0">
              <a:buNone/>
              <a:defRPr sz="14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4F80B7AA-0B32-7A4A-A984-8E07BED6B0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Date_GeneralDate">
            <a:extLst>
              <a:ext uri="{FF2B5EF4-FFF2-40B4-BE49-F238E27FC236}">
                <a16:creationId xmlns:a16="http://schemas.microsoft.com/office/drawing/2014/main" id="{66968ABE-1289-4B88-8392-73F8805EEB0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8918195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3 images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437040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08C49F6C-82FB-4202-A9FE-D33777E339EE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5523840" y="612000"/>
            <a:ext cx="2570400" cy="1620000"/>
          </a:xfrm>
        </p:spPr>
        <p:txBody>
          <a:bodyPr/>
          <a:lstStyle>
            <a:lvl1pPr indent="0" algn="ctr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C67CBB49-700E-4A02-9E1B-7C715A87E70A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5523840" y="2437781"/>
            <a:ext cx="2570400" cy="1620000"/>
          </a:xfrm>
        </p:spPr>
        <p:txBody>
          <a:bodyPr/>
          <a:lstStyle>
            <a:lvl1pPr indent="0" algn="ctr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B5F51CD8-3900-4D3F-B896-BC6E308FB79B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522400" y="4301332"/>
            <a:ext cx="2571840" cy="1620000"/>
          </a:xfrm>
        </p:spPr>
        <p:txBody>
          <a:bodyPr/>
          <a:lstStyle>
            <a:lvl1pPr indent="0" algn="ctr">
              <a:buNone/>
              <a:defRPr sz="1400"/>
            </a:lvl1pPr>
          </a:lstStyle>
          <a:p>
            <a:pPr lvl="0"/>
            <a:r>
              <a:rPr lang="en-GB" dirty="0"/>
              <a:t>Insert image from Image bank or graphic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8277225" y="612000"/>
            <a:ext cx="3480881" cy="1620000"/>
          </a:xfrm>
        </p:spPr>
        <p:txBody>
          <a:bodyPr anchor="t"/>
          <a:lstStyle>
            <a:lvl1pPr marL="0" indent="0"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252000" indent="-252000">
              <a:buFont typeface="Arial" panose="020B0604020202020204" pitchFamily="34" charset="0"/>
              <a:buChar char="•"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D52EEC7-C984-4803-8EBC-DE4817DE23A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277225" y="2437781"/>
            <a:ext cx="3480881" cy="1620000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  <a:lvl5pPr>
              <a:defRPr/>
            </a:lvl5pPr>
            <a:lvl6pPr>
              <a:buNone/>
              <a:defRPr/>
            </a:lvl6pPr>
            <a:lvl7pPr>
              <a:buNone/>
              <a:defRPr/>
            </a:lvl7pPr>
            <a:lvl8pPr>
              <a:buNone/>
              <a:defRPr/>
            </a:lvl8pPr>
            <a:lvl9pPr>
              <a:buNone/>
              <a:defRPr/>
            </a:lvl9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6FDBB50C-C8CB-488D-BE20-B98F409D38C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277225" y="4301332"/>
            <a:ext cx="3480881" cy="1620000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Insert tex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8AA298E-B5B2-FD40-80C2-F67B211C435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1225" y="1941513"/>
            <a:ext cx="4370388" cy="400685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2" name="FLD_PresentationTitle">
            <a:extLst>
              <a:ext uri="{FF2B5EF4-FFF2-40B4-BE49-F238E27FC236}">
                <a16:creationId xmlns:a16="http://schemas.microsoft.com/office/drawing/2014/main" id="{5B02DDA5-D7CD-7745-8E50-15BCC1AF400B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Date_GeneralDate">
            <a:extLst>
              <a:ext uri="{FF2B5EF4-FFF2-40B4-BE49-F238E27FC236}">
                <a16:creationId xmlns:a16="http://schemas.microsoft.com/office/drawing/2014/main" id="{239E5E51-1388-4BDE-980E-F6DE451D3FB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0152483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6182351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EB935D-B49E-6449-A90B-292646D7348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11225" y="1944688"/>
            <a:ext cx="6181725" cy="4003675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43D5C6DB-F17F-0B4D-ACBB-5A7B5C18B425}"/>
              </a:ext>
            </a:extLst>
          </p:cNvPr>
          <p:cNvSpPr>
            <a:spLocks noGrp="1"/>
          </p:cNvSpPr>
          <p:nvPr>
            <p:ph type="pic" sz="quarter" idx="22"/>
          </p:nvPr>
        </p:nvSpPr>
        <p:spPr>
          <a:xfrm>
            <a:off x="7391400" y="0"/>
            <a:ext cx="4800600" cy="6858000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Tx/>
              <a:buNone/>
              <a:tabLst/>
              <a:defRPr sz="1400"/>
            </a:lvl1pPr>
          </a:lstStyle>
          <a:p>
            <a:pPr marL="285750" marR="0" lvl="0" indent="-28575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/>
              <a:t>Click icon to add picture</a:t>
            </a:r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054E8B34-0B4F-0042-BE66-5A7F7CDB379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Date_GeneralDate">
            <a:extLst>
              <a:ext uri="{FF2B5EF4-FFF2-40B4-BE49-F238E27FC236}">
                <a16:creationId xmlns:a16="http://schemas.microsoft.com/office/drawing/2014/main" id="{383C5CA6-12E7-406C-B33E-8B9A61E8CD0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285652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ext 1 column Title 2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3670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10800" y="1944000"/>
            <a:ext cx="10836700" cy="397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add text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2D8AC7DC-2103-2541-89A6-BD6583E080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Date_GeneralDate" hidden="1">
            <a:extLst>
              <a:ext uri="{FF2B5EF4-FFF2-40B4-BE49-F238E27FC236}">
                <a16:creationId xmlns:a16="http://schemas.microsoft.com/office/drawing/2014/main" id="{12F9F496-DC18-4CDC-AF0A-8408348AFC6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E646E15-C0F6-4117-9683-C9BCCFE0181F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 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3670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hart Placeholder 2">
            <a:extLst>
              <a:ext uri="{FF2B5EF4-FFF2-40B4-BE49-F238E27FC236}">
                <a16:creationId xmlns:a16="http://schemas.microsoft.com/office/drawing/2014/main" id="{3EC2A8ED-A720-4108-87F6-509A42A323B8}"/>
              </a:ext>
            </a:extLst>
          </p:cNvPr>
          <p:cNvSpPr>
            <a:spLocks noGrp="1"/>
          </p:cNvSpPr>
          <p:nvPr>
            <p:ph type="chart" sz="quarter" idx="20" hasCustomPrompt="1"/>
          </p:nvPr>
        </p:nvSpPr>
        <p:spPr>
          <a:xfrm>
            <a:off x="5524500" y="1944688"/>
            <a:ext cx="6223000" cy="4003675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Insert chart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57D6CCC-992F-8C4D-AF73-4CD081BF222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11225" y="1941513"/>
            <a:ext cx="4370388" cy="4006850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C1BF0155-C8A6-2844-9674-32B44765044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Date_GeneralDate">
            <a:extLst>
              <a:ext uri="{FF2B5EF4-FFF2-40B4-BE49-F238E27FC236}">
                <a16:creationId xmlns:a16="http://schemas.microsoft.com/office/drawing/2014/main" id="{9CC0BA6D-6F8F-4515-AB6E-E7AEF0A37FF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40341477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 imag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24120" cy="13320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0C2F30A-0962-4961-93DA-DD7E0107A85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446839" y="1944000"/>
            <a:ext cx="5300252" cy="3579470"/>
          </a:xfrm>
        </p:spPr>
        <p:txBody>
          <a:bodyPr tIns="72000"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Insert image from Image bank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DA7FA073-D694-4291-97A6-BAF15DCB5CEC}"/>
              </a:ext>
            </a:extLst>
          </p:cNvPr>
          <p:cNvSpPr>
            <a:spLocks noGrp="1"/>
          </p:cNvSpPr>
          <p:nvPr>
            <p:ph type="body" sz="half" idx="14" hasCustomPrompt="1"/>
          </p:nvPr>
        </p:nvSpPr>
        <p:spPr>
          <a:xfrm>
            <a:off x="6453075" y="5674677"/>
            <a:ext cx="4583159" cy="273686"/>
          </a:xfrm>
        </p:spPr>
        <p:txBody>
          <a:bodyPr/>
          <a:lstStyle>
            <a:lvl1pPr marL="0" indent="0">
              <a:buNone/>
              <a:defRPr sz="1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 dirty="0"/>
              <a:t>Click to add cap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7F86768-5C3E-9C45-A4F5-E2A9C65584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1225" y="1944688"/>
            <a:ext cx="5281613" cy="4003675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ADB813E1-49C1-914E-BFE8-11D74081829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Date_GeneralDate">
            <a:extLst>
              <a:ext uri="{FF2B5EF4-FFF2-40B4-BE49-F238E27FC236}">
                <a16:creationId xmlns:a16="http://schemas.microsoft.com/office/drawing/2014/main" id="{B4879093-E349-4B53-BB54-6E6751506F3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5190494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0800" y="612000"/>
            <a:ext cx="10824120" cy="1329513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2B3B58B-93DB-4436-9B79-7B14F7557A1B}" type="datetime4">
              <a:rPr lang="en-GB" smtClean="0"/>
              <a:t>06 April 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8DD47575-E5FC-304B-B15E-448A44028B1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2461291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6" name="FLD_PresentationTitle">
            <a:extLst>
              <a:ext uri="{FF2B5EF4-FFF2-40B4-BE49-F238E27FC236}">
                <a16:creationId xmlns:a16="http://schemas.microsoft.com/office/drawing/2014/main" id="{D809703C-9C83-E74D-9C42-AA9C32E1781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Pladsholder til dato 2">
            <a:extLst>
              <a:ext uri="{FF2B5EF4-FFF2-40B4-BE49-F238E27FC236}">
                <a16:creationId xmlns:a16="http://schemas.microsoft.com/office/drawing/2014/main" id="{EE7A7107-9235-4684-9DBA-CC964714F61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2037740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slide 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34">
            <a:extLst>
              <a:ext uri="{FF2B5EF4-FFF2-40B4-BE49-F238E27FC236}">
                <a16:creationId xmlns:a16="http://schemas.microsoft.com/office/drawing/2014/main" id="{B84FF5BB-F901-462F-897E-71CC429C725C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6382764" y="-3174"/>
            <a:ext cx="5840953" cy="6879014"/>
          </a:xfrm>
          <a:custGeom>
            <a:avLst/>
            <a:gdLst>
              <a:gd name="connsiteX0" fmla="*/ 0 w 10000"/>
              <a:gd name="connsiteY0" fmla="*/ 2000 h 10000"/>
              <a:gd name="connsiteX1" fmla="*/ 2000 w 10000"/>
              <a:gd name="connsiteY1" fmla="*/ 0 h 10000"/>
              <a:gd name="connsiteX2" fmla="*/ 10000 w 10000"/>
              <a:gd name="connsiteY2" fmla="*/ 0 h 10000"/>
              <a:gd name="connsiteX3" fmla="*/ 10000 w 10000"/>
              <a:gd name="connsiteY3" fmla="*/ 10000 h 10000"/>
              <a:gd name="connsiteX4" fmla="*/ 0 w 10000"/>
              <a:gd name="connsiteY4" fmla="*/ 10000 h 10000"/>
              <a:gd name="connsiteX5" fmla="*/ 0 w 10000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37 w 10037"/>
              <a:gd name="connsiteY4" fmla="*/ 10000 h 10000"/>
              <a:gd name="connsiteX5" fmla="*/ 37 w 10037"/>
              <a:gd name="connsiteY5" fmla="*/ 2000 h 10000"/>
              <a:gd name="connsiteX0" fmla="*/ 37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37 w 10037"/>
              <a:gd name="connsiteY5" fmla="*/ 2000 h 10000"/>
              <a:gd name="connsiteX0" fmla="*/ 292 w 10037"/>
              <a:gd name="connsiteY0" fmla="*/ 2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5" fmla="*/ 292 w 10037"/>
              <a:gd name="connsiteY5" fmla="*/ 2000 h 10000"/>
              <a:gd name="connsiteX0" fmla="*/ 1463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463 w 10037"/>
              <a:gd name="connsiteY4" fmla="*/ 10000 h 10000"/>
              <a:gd name="connsiteX0" fmla="*/ 1368 w 10037"/>
              <a:gd name="connsiteY0" fmla="*/ 10000 h 10000"/>
              <a:gd name="connsiteX1" fmla="*/ 0 w 10037"/>
              <a:gd name="connsiteY1" fmla="*/ 0 h 10000"/>
              <a:gd name="connsiteX2" fmla="*/ 10037 w 10037"/>
              <a:gd name="connsiteY2" fmla="*/ 0 h 10000"/>
              <a:gd name="connsiteX3" fmla="*/ 10037 w 10037"/>
              <a:gd name="connsiteY3" fmla="*/ 10000 h 10000"/>
              <a:gd name="connsiteX4" fmla="*/ 1368 w 10037"/>
              <a:gd name="connsiteY4" fmla="*/ 10000 h 10000"/>
              <a:gd name="connsiteX0" fmla="*/ 1368 w 12976"/>
              <a:gd name="connsiteY0" fmla="*/ 10000 h 10000"/>
              <a:gd name="connsiteX1" fmla="*/ 0 w 12976"/>
              <a:gd name="connsiteY1" fmla="*/ 0 h 10000"/>
              <a:gd name="connsiteX2" fmla="*/ 12976 w 12976"/>
              <a:gd name="connsiteY2" fmla="*/ 0 h 10000"/>
              <a:gd name="connsiteX3" fmla="*/ 10037 w 12976"/>
              <a:gd name="connsiteY3" fmla="*/ 10000 h 10000"/>
              <a:gd name="connsiteX4" fmla="*/ 1368 w 12976"/>
              <a:gd name="connsiteY4" fmla="*/ 10000 h 10000"/>
              <a:gd name="connsiteX0" fmla="*/ 1368 w 13015"/>
              <a:gd name="connsiteY0" fmla="*/ 10000 h 10026"/>
              <a:gd name="connsiteX1" fmla="*/ 0 w 13015"/>
              <a:gd name="connsiteY1" fmla="*/ 0 h 10026"/>
              <a:gd name="connsiteX2" fmla="*/ 12976 w 13015"/>
              <a:gd name="connsiteY2" fmla="*/ 0 h 10026"/>
              <a:gd name="connsiteX3" fmla="*/ 13015 w 13015"/>
              <a:gd name="connsiteY3" fmla="*/ 10026 h 10026"/>
              <a:gd name="connsiteX4" fmla="*/ 1368 w 13015"/>
              <a:gd name="connsiteY4" fmla="*/ 10000 h 100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15" h="10026">
                <a:moveTo>
                  <a:pt x="1368" y="10000"/>
                </a:moveTo>
                <a:lnTo>
                  <a:pt x="0" y="0"/>
                </a:lnTo>
                <a:lnTo>
                  <a:pt x="12976" y="0"/>
                </a:lnTo>
                <a:lnTo>
                  <a:pt x="13015" y="10026"/>
                </a:lnTo>
                <a:lnTo>
                  <a:pt x="1368" y="10000"/>
                </a:lnTo>
                <a:close/>
              </a:path>
            </a:pathLst>
          </a:custGeom>
          <a:noFill/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icon to add picture</a:t>
            </a:r>
            <a:endParaRPr lang="en-GB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07F558E4-7117-4186-A19A-2D140CEC8CB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910801" y="4221131"/>
            <a:ext cx="5283626" cy="1727231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CA806C4-55A0-4CFE-AC24-EC98BEF67EB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910800" y="1941513"/>
            <a:ext cx="5283625" cy="2211941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en-GB" dirty="0"/>
              <a:t>Click to add headline</a:t>
            </a:r>
          </a:p>
        </p:txBody>
      </p:sp>
      <p:pic>
        <p:nvPicPr>
          <p:cNvPr id="970484869" name="image" descr="{&quot;templafy&quot;:{&quot;id&quot;:&quot;f663daca-6d6f-436e-becb-a4e43c2cce7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1225" y="606425"/>
            <a:ext cx="2847600" cy="72000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AEA9762C-CB3A-C348-9F72-A2E404D7204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dato 2">
            <a:extLst>
              <a:ext uri="{FF2B5EF4-FFF2-40B4-BE49-F238E27FC236}">
                <a16:creationId xmlns:a16="http://schemas.microsoft.com/office/drawing/2014/main" id="{54FD273A-FEE6-4D82-813A-927F05ECC7D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9" name="Transparent shape">
            <a:extLst>
              <a:ext uri="{FF2B5EF4-FFF2-40B4-BE49-F238E27FC236}">
                <a16:creationId xmlns:a16="http://schemas.microsoft.com/office/drawing/2014/main" id="{A5B3CDE4-D967-4C9F-9BD3-C31466A3A72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flipV="1">
            <a:off x="6369859" y="-2677"/>
            <a:ext cx="2024236" cy="6877537"/>
          </a:xfrm>
          <a:custGeom>
            <a:avLst/>
            <a:gdLst>
              <a:gd name="connsiteX0" fmla="*/ 501062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0" fmla="*/ 447273 w 2004247"/>
              <a:gd name="connsiteY0" fmla="*/ 0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447273 w 2004247"/>
              <a:gd name="connsiteY4" fmla="*/ 0 h 6858000"/>
              <a:gd name="connsiteX0" fmla="*/ 529466 w 2004247"/>
              <a:gd name="connsiteY0" fmla="*/ 10274 h 6858000"/>
              <a:gd name="connsiteX1" fmla="*/ 1503185 w 2004247"/>
              <a:gd name="connsiteY1" fmla="*/ 0 h 6858000"/>
              <a:gd name="connsiteX2" fmla="*/ 2004247 w 2004247"/>
              <a:gd name="connsiteY2" fmla="*/ 6858000 h 6858000"/>
              <a:gd name="connsiteX3" fmla="*/ 0 w 2004247"/>
              <a:gd name="connsiteY3" fmla="*/ 6858000 h 6858000"/>
              <a:gd name="connsiteX4" fmla="*/ 529466 w 2004247"/>
              <a:gd name="connsiteY4" fmla="*/ 10274 h 6858000"/>
              <a:gd name="connsiteX0" fmla="*/ 529466 w 2004247"/>
              <a:gd name="connsiteY0" fmla="*/ 0 h 6878549"/>
              <a:gd name="connsiteX1" fmla="*/ 1503185 w 2004247"/>
              <a:gd name="connsiteY1" fmla="*/ 20549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29466 w 2004247"/>
              <a:gd name="connsiteY0" fmla="*/ 0 h 6878549"/>
              <a:gd name="connsiteX1" fmla="*/ 1492911 w 2004247"/>
              <a:gd name="connsiteY1" fmla="*/ 10275 h 6878549"/>
              <a:gd name="connsiteX2" fmla="*/ 2004247 w 2004247"/>
              <a:gd name="connsiteY2" fmla="*/ 6878549 h 6878549"/>
              <a:gd name="connsiteX3" fmla="*/ 0 w 2004247"/>
              <a:gd name="connsiteY3" fmla="*/ 6878549 h 6878549"/>
              <a:gd name="connsiteX4" fmla="*/ 529466 w 2004247"/>
              <a:gd name="connsiteY4" fmla="*/ 0 h 6878549"/>
              <a:gd name="connsiteX0" fmla="*/ 591111 w 2065892"/>
              <a:gd name="connsiteY0" fmla="*/ 0 h 6878549"/>
              <a:gd name="connsiteX1" fmla="*/ 1554556 w 2065892"/>
              <a:gd name="connsiteY1" fmla="*/ 10275 h 6878549"/>
              <a:gd name="connsiteX2" fmla="*/ 2065892 w 2065892"/>
              <a:gd name="connsiteY2" fmla="*/ 6878549 h 6878549"/>
              <a:gd name="connsiteX3" fmla="*/ 0 w 2065892"/>
              <a:gd name="connsiteY3" fmla="*/ 6878549 h 6878549"/>
              <a:gd name="connsiteX4" fmla="*/ 591111 w 2065892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0 h 6878549"/>
              <a:gd name="connsiteX1" fmla="*/ 1554556 w 2035070"/>
              <a:gd name="connsiteY1" fmla="*/ 10275 h 6878549"/>
              <a:gd name="connsiteX2" fmla="*/ 2035070 w 2035070"/>
              <a:gd name="connsiteY2" fmla="*/ 6878549 h 6878549"/>
              <a:gd name="connsiteX3" fmla="*/ 0 w 2035070"/>
              <a:gd name="connsiteY3" fmla="*/ 6878549 h 6878549"/>
              <a:gd name="connsiteX4" fmla="*/ 591111 w 2035070"/>
              <a:gd name="connsiteY4" fmla="*/ 0 h 6878549"/>
              <a:gd name="connsiteX0" fmla="*/ 591111 w 2035070"/>
              <a:gd name="connsiteY0" fmla="*/ 15125 h 6893674"/>
              <a:gd name="connsiteX1" fmla="*/ 1554556 w 2035070"/>
              <a:gd name="connsiteY1" fmla="*/ 0 h 6893674"/>
              <a:gd name="connsiteX2" fmla="*/ 2035070 w 2035070"/>
              <a:gd name="connsiteY2" fmla="*/ 6893674 h 6893674"/>
              <a:gd name="connsiteX3" fmla="*/ 0 w 2035070"/>
              <a:gd name="connsiteY3" fmla="*/ 6893674 h 6893674"/>
              <a:gd name="connsiteX4" fmla="*/ 591111 w 2035070"/>
              <a:gd name="connsiteY4" fmla="*/ 15125 h 6893674"/>
              <a:gd name="connsiteX0" fmla="*/ 580258 w 2024217"/>
              <a:gd name="connsiteY0" fmla="*/ 15125 h 6893674"/>
              <a:gd name="connsiteX1" fmla="*/ 1543703 w 2024217"/>
              <a:gd name="connsiteY1" fmla="*/ 0 h 6893674"/>
              <a:gd name="connsiteX2" fmla="*/ 2024217 w 2024217"/>
              <a:gd name="connsiteY2" fmla="*/ 6893674 h 6893674"/>
              <a:gd name="connsiteX3" fmla="*/ 0 w 2024217"/>
              <a:gd name="connsiteY3" fmla="*/ 6893674 h 6893674"/>
              <a:gd name="connsiteX4" fmla="*/ 580258 w 2024217"/>
              <a:gd name="connsiteY4" fmla="*/ 15125 h 6893674"/>
              <a:gd name="connsiteX0" fmla="*/ 580285 w 2024244"/>
              <a:gd name="connsiteY0" fmla="*/ 1512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80285 w 2024244"/>
              <a:gd name="connsiteY4" fmla="*/ 1512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23265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23265 h 6893674"/>
              <a:gd name="connsiteX0" fmla="*/ 599279 w 2024244"/>
              <a:gd name="connsiteY0" fmla="*/ 17838 h 6893674"/>
              <a:gd name="connsiteX1" fmla="*/ 1543730 w 2024244"/>
              <a:gd name="connsiteY1" fmla="*/ 0 h 6893674"/>
              <a:gd name="connsiteX2" fmla="*/ 2024244 w 2024244"/>
              <a:gd name="connsiteY2" fmla="*/ 6893674 h 6893674"/>
              <a:gd name="connsiteX3" fmla="*/ 27 w 2024244"/>
              <a:gd name="connsiteY3" fmla="*/ 6893674 h 6893674"/>
              <a:gd name="connsiteX4" fmla="*/ 599279 w 2024244"/>
              <a:gd name="connsiteY4" fmla="*/ 17838 h 6893674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701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701 h 6877537"/>
              <a:gd name="connsiteX0" fmla="*/ 599279 w 2024244"/>
              <a:gd name="connsiteY0" fmla="*/ 15725 h 6877537"/>
              <a:gd name="connsiteX1" fmla="*/ 1543730 w 2024244"/>
              <a:gd name="connsiteY1" fmla="*/ 0 h 6877537"/>
              <a:gd name="connsiteX2" fmla="*/ 2024244 w 2024244"/>
              <a:gd name="connsiteY2" fmla="*/ 6877537 h 6877537"/>
              <a:gd name="connsiteX3" fmla="*/ 27 w 2024244"/>
              <a:gd name="connsiteY3" fmla="*/ 6877537 h 6877537"/>
              <a:gd name="connsiteX4" fmla="*/ 599279 w 2024244"/>
              <a:gd name="connsiteY4" fmla="*/ 15725 h 6877537"/>
              <a:gd name="connsiteX0" fmla="*/ 604887 w 2024243"/>
              <a:gd name="connsiteY0" fmla="*/ 1700 h 6877537"/>
              <a:gd name="connsiteX1" fmla="*/ 1543729 w 2024243"/>
              <a:gd name="connsiteY1" fmla="*/ 0 h 6877537"/>
              <a:gd name="connsiteX2" fmla="*/ 2024243 w 2024243"/>
              <a:gd name="connsiteY2" fmla="*/ 6877537 h 6877537"/>
              <a:gd name="connsiteX3" fmla="*/ 26 w 2024243"/>
              <a:gd name="connsiteY3" fmla="*/ 6877537 h 6877537"/>
              <a:gd name="connsiteX4" fmla="*/ 604887 w 2024243"/>
              <a:gd name="connsiteY4" fmla="*/ 1700 h 6877537"/>
              <a:gd name="connsiteX0" fmla="*/ 604880 w 2024236"/>
              <a:gd name="connsiteY0" fmla="*/ 1700 h 6877537"/>
              <a:gd name="connsiteX1" fmla="*/ 1543722 w 2024236"/>
              <a:gd name="connsiteY1" fmla="*/ 0 h 6877537"/>
              <a:gd name="connsiteX2" fmla="*/ 2024236 w 2024236"/>
              <a:gd name="connsiteY2" fmla="*/ 6877537 h 6877537"/>
              <a:gd name="connsiteX3" fmla="*/ 19 w 2024236"/>
              <a:gd name="connsiteY3" fmla="*/ 6877537 h 6877537"/>
              <a:gd name="connsiteX4" fmla="*/ 604880 w 2024236"/>
              <a:gd name="connsiteY4" fmla="*/ 1700 h 68775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24236" h="6877537">
                <a:moveTo>
                  <a:pt x="604880" y="1700"/>
                </a:moveTo>
                <a:cubicBezTo>
                  <a:pt x="607661" y="4799"/>
                  <a:pt x="1530119" y="7755"/>
                  <a:pt x="1543722" y="0"/>
                </a:cubicBezTo>
                <a:cubicBezTo>
                  <a:pt x="1703893" y="2289425"/>
                  <a:pt x="2018177" y="6848427"/>
                  <a:pt x="2024236" y="6877537"/>
                </a:cubicBezTo>
                <a:lnTo>
                  <a:pt x="19" y="6877537"/>
                </a:lnTo>
                <a:cubicBezTo>
                  <a:pt x="-3901" y="6878894"/>
                  <a:pt x="611763" y="-3910"/>
                  <a:pt x="604880" y="1700"/>
                </a:cubicBezTo>
                <a:close/>
              </a:path>
            </a:pathLst>
          </a:custGeom>
          <a:solidFill>
            <a:schemeClr val="bg1">
              <a:alpha val="5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21940496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slide blue backgroun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F3B67C01-9ABE-3549-9D0C-9BDE3D771F44}"/>
              </a:ext>
            </a:extLst>
          </p:cNvPr>
          <p:cNvSpPr/>
          <p:nvPr userDrawn="1"/>
        </p:nvSpPr>
        <p:spPr>
          <a:xfrm>
            <a:off x="0" y="4893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6000" y="612000"/>
            <a:ext cx="10825200" cy="1789989"/>
          </a:xfrm>
        </p:spPr>
        <p:txBody>
          <a:bodyPr anchor="b"/>
          <a:lstStyle>
            <a:lvl1pPr algn="l">
              <a:defRPr sz="48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5999" y="2401200"/>
            <a:ext cx="10825201" cy="352001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480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text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977F99A3-23EF-4B34-B8F1-389ECD7A351D}" type="datetime4">
              <a:rPr lang="en-GB" smtClean="0"/>
              <a:t>06 April 2022</a:t>
            </a:fld>
            <a:endParaRPr lang="en-GB" dirty="0"/>
          </a:p>
        </p:txBody>
      </p:sp>
      <p:pic>
        <p:nvPicPr>
          <p:cNvPr id="1866379739" name="image" descr="{&quot;templafy&quot;:{&quot;id&quot;:&quot;b7ded6d4-cc41-4249-bd94-36791a8f8e5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12349" y="5749158"/>
            <a:ext cx="2847600" cy="72000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9A9F53A3-ECC1-1B42-9EC7-D2A854EAF3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Pladsholder til dato 2">
            <a:extLst>
              <a:ext uri="{FF2B5EF4-FFF2-40B4-BE49-F238E27FC236}">
                <a16:creationId xmlns:a16="http://schemas.microsoft.com/office/drawing/2014/main" id="{7D687966-7062-4F7D-99BE-1B8C081E62A7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5533798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slide with imag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02F30EB2-FF4B-4AAB-B4B9-7795C952A62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marR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 sz="1400"/>
            </a:lvl1pPr>
          </a:lstStyle>
          <a:p>
            <a:pPr marL="0" marR="0" lvl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	</a:t>
            </a:r>
          </a:p>
          <a:p>
            <a:pPr marL="0" marR="0" lvl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	Insert image from Image bank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6000" y="612000"/>
            <a:ext cx="10825200" cy="4245750"/>
          </a:xfrm>
        </p:spPr>
        <p:txBody>
          <a:bodyPr anchor="b"/>
          <a:lstStyle>
            <a:lvl1pPr algn="l">
              <a:defRPr sz="48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LD_PresentationTitle">
            <a:extLst>
              <a:ext uri="{FF2B5EF4-FFF2-40B4-BE49-F238E27FC236}">
                <a16:creationId xmlns:a16="http://schemas.microsoft.com/office/drawing/2014/main" id="{3ECC6019-7F1E-BC49-B14E-3041420E1A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Pladsholder til dato 2">
            <a:extLst>
              <a:ext uri="{FF2B5EF4-FFF2-40B4-BE49-F238E27FC236}">
                <a16:creationId xmlns:a16="http://schemas.microsoft.com/office/drawing/2014/main" id="{9EAF2E81-9800-4F8A-8891-191C2B7B85A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10345570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10800" y="1941513"/>
            <a:ext cx="10824120" cy="887500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25" name="Action Button: Blank 24">
            <a:hlinkClick r:id="rId2" highlightClick="1"/>
            <a:extLst>
              <a:ext uri="{FF2B5EF4-FFF2-40B4-BE49-F238E27FC236}">
                <a16:creationId xmlns:a16="http://schemas.microsoft.com/office/drawing/2014/main" id="{960F71EB-D474-49A0-9A6B-AEC0D9849839}"/>
              </a:ext>
            </a:extLst>
          </p:cNvPr>
          <p:cNvSpPr/>
          <p:nvPr userDrawn="1"/>
        </p:nvSpPr>
        <p:spPr>
          <a:xfrm>
            <a:off x="1260354" y="6088258"/>
            <a:ext cx="303177" cy="324065"/>
          </a:xfrm>
          <a:prstGeom prst="actionButtonBlank">
            <a:avLst/>
          </a:prstGeom>
          <a:solidFill>
            <a:schemeClr val="accent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6" name="Action Button: Blank 25">
            <a:hlinkClick r:id="rId3" highlightClick="1"/>
            <a:extLst>
              <a:ext uri="{FF2B5EF4-FFF2-40B4-BE49-F238E27FC236}">
                <a16:creationId xmlns:a16="http://schemas.microsoft.com/office/drawing/2014/main" id="{4B5604D4-9908-4879-AC86-2C0B4726B757}"/>
              </a:ext>
            </a:extLst>
          </p:cNvPr>
          <p:cNvSpPr/>
          <p:nvPr userDrawn="1"/>
        </p:nvSpPr>
        <p:spPr>
          <a:xfrm>
            <a:off x="1651905" y="6067370"/>
            <a:ext cx="303177" cy="324065"/>
          </a:xfrm>
          <a:prstGeom prst="actionButtonBlank">
            <a:avLst/>
          </a:prstGeom>
          <a:solidFill>
            <a:schemeClr val="accent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41A7B113-6E22-4670-8DEF-9C2273DC1C72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910800" y="3285547"/>
            <a:ext cx="1080000" cy="1080000"/>
          </a:xfrm>
          <a:prstGeom prst="ellipse">
            <a:avLst/>
          </a:prstGeom>
          <a:solidFill>
            <a:schemeClr val="bg1"/>
          </a:solidFill>
        </p:spPr>
        <p:txBody>
          <a:bodyPr anchor="ctr"/>
          <a:lstStyle>
            <a:lvl1pPr marL="0" indent="0" algn="ctr">
              <a:buNone/>
              <a:defRPr sz="1000"/>
            </a:lvl1pPr>
          </a:lstStyle>
          <a:p>
            <a:r>
              <a:rPr lang="en-GB" dirty="0"/>
              <a:t>Portrait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DBBB4510-0BD0-6849-85D3-DCDEC91797A8}"/>
              </a:ext>
            </a:extLst>
          </p:cNvPr>
          <p:cNvSpPr txBox="1"/>
          <p:nvPr userDrawn="1"/>
        </p:nvSpPr>
        <p:spPr>
          <a:xfrm>
            <a:off x="910800" y="5959454"/>
            <a:ext cx="44249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800" kern="1000" spc="20" dirty="0">
                <a:solidFill>
                  <a:schemeClr val="bg1"/>
                </a:solidFill>
              </a:rPr>
              <a:t>Follow us on:</a:t>
            </a:r>
          </a:p>
        </p:txBody>
      </p:sp>
      <p:grpSp>
        <p:nvGrpSpPr>
          <p:cNvPr id="28" name="Group 27">
            <a:extLst>
              <a:ext uri="{FF2B5EF4-FFF2-40B4-BE49-F238E27FC236}">
                <a16:creationId xmlns:a16="http://schemas.microsoft.com/office/drawing/2014/main" id="{4EB6C73B-BE51-3D4D-9139-8C00A6D5CB83}"/>
              </a:ext>
            </a:extLst>
          </p:cNvPr>
          <p:cNvGrpSpPr/>
          <p:nvPr userDrawn="1"/>
        </p:nvGrpSpPr>
        <p:grpSpPr>
          <a:xfrm>
            <a:off x="889200" y="6150413"/>
            <a:ext cx="1086280" cy="344953"/>
            <a:chOff x="868802" y="6067370"/>
            <a:chExt cx="1086280" cy="344953"/>
          </a:xfrm>
        </p:grpSpPr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CCF19520-2D8A-0546-9A88-8EE2069D62C5}"/>
                </a:ext>
              </a:extLst>
            </p:cNvPr>
            <p:cNvGrpSpPr/>
            <p:nvPr userDrawn="1"/>
          </p:nvGrpSpPr>
          <p:grpSpPr>
            <a:xfrm>
              <a:off x="868802" y="6088258"/>
              <a:ext cx="1086280" cy="303177"/>
              <a:chOff x="904298" y="6087060"/>
              <a:chExt cx="1365120" cy="381000"/>
            </a:xfrm>
          </p:grpSpPr>
          <p:sp>
            <p:nvSpPr>
              <p:cNvPr id="33" name="Oval 32">
                <a:extLst>
                  <a:ext uri="{FF2B5EF4-FFF2-40B4-BE49-F238E27FC236}">
                    <a16:creationId xmlns:a16="http://schemas.microsoft.com/office/drawing/2014/main" id="{B0674EF3-236D-F54A-A05D-12DD876262AA}"/>
                  </a:ext>
                </a:extLst>
              </p:cNvPr>
              <p:cNvSpPr/>
              <p:nvPr userDrawn="1"/>
            </p:nvSpPr>
            <p:spPr>
              <a:xfrm>
                <a:off x="947066" y="6130902"/>
                <a:ext cx="288000" cy="28800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72000" rIns="72000" bIns="72000" rtlCol="0" anchor="ctr"/>
              <a:lstStyle/>
              <a:p>
                <a:pPr algn="ctr"/>
                <a:endParaRPr lang="en-GB" sz="1800" noProof="0" dirty="0" err="1"/>
              </a:p>
            </p:txBody>
          </p:sp>
          <p:sp>
            <p:nvSpPr>
              <p:cNvPr id="34" name="Oval 33">
                <a:extLst>
                  <a:ext uri="{FF2B5EF4-FFF2-40B4-BE49-F238E27FC236}">
                    <a16:creationId xmlns:a16="http://schemas.microsoft.com/office/drawing/2014/main" id="{B1B20152-9B49-8040-AC0C-4BB83509E89F}"/>
                  </a:ext>
                </a:extLst>
              </p:cNvPr>
              <p:cNvSpPr/>
              <p:nvPr userDrawn="1"/>
            </p:nvSpPr>
            <p:spPr>
              <a:xfrm>
                <a:off x="1442858" y="6130902"/>
                <a:ext cx="288000" cy="28800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72000" rIns="72000" bIns="72000" rtlCol="0" anchor="ctr"/>
              <a:lstStyle/>
              <a:p>
                <a:pPr algn="ctr"/>
                <a:endParaRPr lang="en-GB" sz="1800" noProof="0" dirty="0" err="1"/>
              </a:p>
            </p:txBody>
          </p:sp>
          <p:sp>
            <p:nvSpPr>
              <p:cNvPr id="35" name="Oval 34">
                <a:extLst>
                  <a:ext uri="{FF2B5EF4-FFF2-40B4-BE49-F238E27FC236}">
                    <a16:creationId xmlns:a16="http://schemas.microsoft.com/office/drawing/2014/main" id="{9E5C35C8-B6DE-AB42-94A8-1D95275C0711}"/>
                  </a:ext>
                </a:extLst>
              </p:cNvPr>
              <p:cNvSpPr/>
              <p:nvPr userDrawn="1"/>
            </p:nvSpPr>
            <p:spPr>
              <a:xfrm>
                <a:off x="1934918" y="6130902"/>
                <a:ext cx="288000" cy="28800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72000" rIns="72000" bIns="72000" rtlCol="0" anchor="ctr"/>
              <a:lstStyle/>
              <a:p>
                <a:pPr algn="ctr"/>
                <a:endParaRPr lang="en-GB" sz="1800" noProof="0" dirty="0" err="1"/>
              </a:p>
            </p:txBody>
          </p:sp>
          <p:grpSp>
            <p:nvGrpSpPr>
              <p:cNvPr id="36" name="Group 35">
                <a:extLst>
                  <a:ext uri="{FF2B5EF4-FFF2-40B4-BE49-F238E27FC236}">
                    <a16:creationId xmlns:a16="http://schemas.microsoft.com/office/drawing/2014/main" id="{49549A68-7D8C-2442-954E-9FC3617C53C0}"/>
                  </a:ext>
                </a:extLst>
              </p:cNvPr>
              <p:cNvGrpSpPr/>
              <p:nvPr userDrawn="1"/>
            </p:nvGrpSpPr>
            <p:grpSpPr>
              <a:xfrm>
                <a:off x="904298" y="6087060"/>
                <a:ext cx="1365120" cy="381000"/>
                <a:chOff x="3394409" y="6087060"/>
                <a:chExt cx="1365120" cy="381000"/>
              </a:xfrm>
            </p:grpSpPr>
            <p:pic>
              <p:nvPicPr>
                <p:cNvPr id="37" name="Graphic 36">
                  <a:extLst>
                    <a:ext uri="{FF2B5EF4-FFF2-40B4-BE49-F238E27FC236}">
                      <a16:creationId xmlns:a16="http://schemas.microsoft.com/office/drawing/2014/main" id="{43802850-5C83-974F-A8D2-FE359D5113BA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4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5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3394409" y="6087060"/>
                  <a:ext cx="381000" cy="381000"/>
                </a:xfrm>
                <a:prstGeom prst="rect">
                  <a:avLst/>
                </a:prstGeom>
              </p:spPr>
            </p:pic>
            <p:pic>
              <p:nvPicPr>
                <p:cNvPr id="38" name="Graphic 37">
                  <a:extLst>
                    <a:ext uri="{FF2B5EF4-FFF2-40B4-BE49-F238E27FC236}">
                      <a16:creationId xmlns:a16="http://schemas.microsoft.com/office/drawing/2014/main" id="{038D5706-4134-9A4C-BCE8-3D50BDDCD0FE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6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7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3886469" y="6087060"/>
                  <a:ext cx="381000" cy="381000"/>
                </a:xfrm>
                <a:prstGeom prst="rect">
                  <a:avLst/>
                </a:prstGeom>
              </p:spPr>
            </p:pic>
            <p:pic>
              <p:nvPicPr>
                <p:cNvPr id="39" name="Graphic 38">
                  <a:extLst>
                    <a:ext uri="{FF2B5EF4-FFF2-40B4-BE49-F238E27FC236}">
                      <a16:creationId xmlns:a16="http://schemas.microsoft.com/office/drawing/2014/main" id="{BCAD0F97-33A2-5645-ABC2-5E19E38474A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8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9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4378529" y="6087060"/>
                  <a:ext cx="381000" cy="381000"/>
                </a:xfrm>
                <a:prstGeom prst="rect">
                  <a:avLst/>
                </a:prstGeom>
              </p:spPr>
            </p:pic>
          </p:grpSp>
        </p:grpSp>
        <p:sp>
          <p:nvSpPr>
            <p:cNvPr id="30" name="Action Button: Blank 23">
              <a:hlinkClick r:id="rId10" highlightClick="1"/>
              <a:extLst>
                <a:ext uri="{FF2B5EF4-FFF2-40B4-BE49-F238E27FC236}">
                  <a16:creationId xmlns:a16="http://schemas.microsoft.com/office/drawing/2014/main" id="{0B73E1FD-6D23-0E4B-88EA-4F51C4941320}"/>
                </a:ext>
              </a:extLst>
            </p:cNvPr>
            <p:cNvSpPr/>
            <p:nvPr userDrawn="1"/>
          </p:nvSpPr>
          <p:spPr>
            <a:xfrm>
              <a:off x="868802" y="6088258"/>
              <a:ext cx="303177" cy="324065"/>
            </a:xfrm>
            <a:prstGeom prst="actionButtonBlank">
              <a:avLst/>
            </a:prstGeom>
            <a:solidFill>
              <a:schemeClr val="accent1">
                <a:alpha val="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sp>
          <p:nvSpPr>
            <p:cNvPr id="31" name="Action Button: Blank 24">
              <a:hlinkClick r:id="rId2" highlightClick="1"/>
              <a:extLst>
                <a:ext uri="{FF2B5EF4-FFF2-40B4-BE49-F238E27FC236}">
                  <a16:creationId xmlns:a16="http://schemas.microsoft.com/office/drawing/2014/main" id="{A0F4AD2F-B247-4643-AA35-BDE5DBDE02E8}"/>
                </a:ext>
              </a:extLst>
            </p:cNvPr>
            <p:cNvSpPr/>
            <p:nvPr userDrawn="1"/>
          </p:nvSpPr>
          <p:spPr>
            <a:xfrm>
              <a:off x="1260354" y="6088258"/>
              <a:ext cx="303177" cy="324065"/>
            </a:xfrm>
            <a:prstGeom prst="actionButtonBlank">
              <a:avLst/>
            </a:prstGeom>
            <a:solidFill>
              <a:schemeClr val="accent1">
                <a:alpha val="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sp>
          <p:nvSpPr>
            <p:cNvPr id="32" name="Action Button: Blank 25">
              <a:hlinkClick r:id="rId3" highlightClick="1"/>
              <a:extLst>
                <a:ext uri="{FF2B5EF4-FFF2-40B4-BE49-F238E27FC236}">
                  <a16:creationId xmlns:a16="http://schemas.microsoft.com/office/drawing/2014/main" id="{552D118B-B0A1-9F41-B445-19806AFEE2CA}"/>
                </a:ext>
              </a:extLst>
            </p:cNvPr>
            <p:cNvSpPr/>
            <p:nvPr userDrawn="1"/>
          </p:nvSpPr>
          <p:spPr>
            <a:xfrm>
              <a:off x="1651905" y="6067370"/>
              <a:ext cx="303177" cy="324065"/>
            </a:xfrm>
            <a:prstGeom prst="actionButtonBlank">
              <a:avLst/>
            </a:prstGeom>
            <a:solidFill>
              <a:schemeClr val="accent1">
                <a:alpha val="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</p:grpSp>
      <p:pic>
        <p:nvPicPr>
          <p:cNvPr id="599706104" name="image" descr="{&quot;templafy&quot;:{&quot;id&quot;:&quot;142f140e-9cf9-485e-a494-28d9a7cd9537&quot;}}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8912349" y="5749158"/>
            <a:ext cx="2847600" cy="720000"/>
          </a:xfrm>
          <a:prstGeom prst="rect">
            <a:avLst/>
          </a:prstGeom>
        </p:spPr>
      </p:pic>
      <p:sp>
        <p:nvSpPr>
          <p:cNvPr id="5" name="text" descr="{&quot;templafy&quot;:{&quot;id&quot;:&quot;33bfbc2c-eadd-4351-b85c-cd44ad687bfb&quot;}}" title="UserProfile.Name">
            <a:extLst>
              <a:ext uri="{FF2B5EF4-FFF2-40B4-BE49-F238E27FC236}">
                <a16:creationId xmlns:a16="http://schemas.microsoft.com/office/drawing/2014/main" id="{79236885-8B45-42B0-A6CF-F76A749A193D}"/>
              </a:ext>
            </a:extLst>
          </p:cNvPr>
          <p:cNvSpPr/>
          <p:nvPr userDrawn="1"/>
        </p:nvSpPr>
        <p:spPr>
          <a:xfrm>
            <a:off x="908288" y="4480097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Henriette Schäfer Høyrup</a:t>
            </a:r>
          </a:p>
        </p:txBody>
      </p:sp>
      <p:sp>
        <p:nvSpPr>
          <p:cNvPr id="6" name="text" descr="{&quot;templafy&quot;:{&quot;id&quot;:&quot;100a7f12-8150-4d11-b389-577045b1b53e&quot;}}" title="UserProfile.Title">
            <a:extLst>
              <a:ext uri="{FF2B5EF4-FFF2-40B4-BE49-F238E27FC236}">
                <a16:creationId xmlns:a16="http://schemas.microsoft.com/office/drawing/2014/main" id="{E3B4BD6F-7690-4A47-95D5-486B885C0BD5}"/>
              </a:ext>
            </a:extLst>
          </p:cNvPr>
          <p:cNvSpPr/>
          <p:nvPr userDrawn="1"/>
        </p:nvSpPr>
        <p:spPr>
          <a:xfrm>
            <a:off x="908288" y="4720072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Marketing Project Manager</a:t>
            </a:r>
          </a:p>
        </p:txBody>
      </p:sp>
      <p:sp>
        <p:nvSpPr>
          <p:cNvPr id="7" name="text" descr="{&quot;templafy&quot;:{&quot;id&quot;:&quot;e5aaed96-8fa0-4fbf-8d60-d815670ab656&quot;}}" title="UserProfile.Email">
            <a:extLst>
              <a:ext uri="{FF2B5EF4-FFF2-40B4-BE49-F238E27FC236}">
                <a16:creationId xmlns:a16="http://schemas.microsoft.com/office/drawing/2014/main" id="{9379F6CE-0CBC-47F9-AB48-1A81650E9182}"/>
              </a:ext>
            </a:extLst>
          </p:cNvPr>
          <p:cNvSpPr/>
          <p:nvPr userDrawn="1"/>
        </p:nvSpPr>
        <p:spPr>
          <a:xfrm>
            <a:off x="908288" y="4966589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hsh@force.dk</a:t>
            </a:r>
          </a:p>
        </p:txBody>
      </p:sp>
      <p:sp>
        <p:nvSpPr>
          <p:cNvPr id="8" name="text" descr="{&quot;templafy&quot;:{&quot;id&quot;:&quot;182d9921-61b0-49a9-8bc0-16f7d4d5eb0a&quot;}}" title="UserProfile.DirectPhone">
            <a:extLst>
              <a:ext uri="{FF2B5EF4-FFF2-40B4-BE49-F238E27FC236}">
                <a16:creationId xmlns:a16="http://schemas.microsoft.com/office/drawing/2014/main" id="{1A38AFB1-234F-4AAD-903D-7C03A2C162B7}"/>
              </a:ext>
            </a:extLst>
          </p:cNvPr>
          <p:cNvSpPr/>
          <p:nvPr userDrawn="1"/>
        </p:nvSpPr>
        <p:spPr>
          <a:xfrm>
            <a:off x="908288" y="5210031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+45 43 25 17 04</a:t>
            </a:r>
          </a:p>
        </p:txBody>
      </p:sp>
      <p:sp>
        <p:nvSpPr>
          <p:cNvPr id="9" name="text" descr="{&quot;templafy&quot;:{&quot;id&quot;:&quot;20f38d79-fd3a-4d7d-b6f7-8e6a41f2e9f6&quot;}}" title="UserProfile.Office.Web">
            <a:extLst>
              <a:ext uri="{FF2B5EF4-FFF2-40B4-BE49-F238E27FC236}">
                <a16:creationId xmlns:a16="http://schemas.microsoft.com/office/drawing/2014/main" id="{3E37548A-B8EE-4B17-BA45-041E3C2FF399}"/>
              </a:ext>
            </a:extLst>
          </p:cNvPr>
          <p:cNvSpPr/>
          <p:nvPr userDrawn="1"/>
        </p:nvSpPr>
        <p:spPr>
          <a:xfrm>
            <a:off x="908288" y="5452325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forcetechnology.com</a:t>
            </a:r>
          </a:p>
        </p:txBody>
      </p:sp>
      <p:sp>
        <p:nvSpPr>
          <p:cNvPr id="40" name="Pladsholder til dato 2">
            <a:extLst>
              <a:ext uri="{FF2B5EF4-FFF2-40B4-BE49-F238E27FC236}">
                <a16:creationId xmlns:a16="http://schemas.microsoft.com/office/drawing/2014/main" id="{6B113AFF-7364-4362-9C0F-0C0D667C76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41" name="Pladsholder til sidefod 3">
            <a:extLst>
              <a:ext uri="{FF2B5EF4-FFF2-40B4-BE49-F238E27FC236}">
                <a16:creationId xmlns:a16="http://schemas.microsoft.com/office/drawing/2014/main" id="{7E5FB425-5D6E-412B-A1B2-52E433718D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2" name="Pladsholder til slidenummer 4">
            <a:extLst>
              <a:ext uri="{FF2B5EF4-FFF2-40B4-BE49-F238E27FC236}">
                <a16:creationId xmlns:a16="http://schemas.microsoft.com/office/drawing/2014/main" id="{98958E8C-1E04-4735-BAE7-50BE81A55A60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5578479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4893"/>
            <a:ext cx="12192000" cy="6858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00000" y="1941513"/>
            <a:ext cx="10824120" cy="1487487"/>
          </a:xfrm>
        </p:spPr>
        <p:txBody>
          <a:bodyPr/>
          <a:lstStyle>
            <a:lvl1pPr>
              <a:defRPr sz="4800"/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CB636D4-8974-4CB9-8BD0-25A2377A4C7F}"/>
              </a:ext>
            </a:extLst>
          </p:cNvPr>
          <p:cNvSpPr txBox="1"/>
          <p:nvPr userDrawn="1"/>
        </p:nvSpPr>
        <p:spPr>
          <a:xfrm>
            <a:off x="910800" y="5959454"/>
            <a:ext cx="44249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800" kern="1000" spc="20" dirty="0">
                <a:solidFill>
                  <a:schemeClr val="bg1"/>
                </a:solidFill>
              </a:rPr>
              <a:t>Follow us on: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EB9C432-6618-BE41-96F5-A4C4F28AEB36}"/>
              </a:ext>
            </a:extLst>
          </p:cNvPr>
          <p:cNvGrpSpPr/>
          <p:nvPr userDrawn="1"/>
        </p:nvGrpSpPr>
        <p:grpSpPr>
          <a:xfrm>
            <a:off x="889200" y="6150413"/>
            <a:ext cx="1086280" cy="344953"/>
            <a:chOff x="868802" y="6067370"/>
            <a:chExt cx="1086280" cy="344953"/>
          </a:xfrm>
        </p:grpSpPr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BBE0318D-0B96-4BA6-AC74-DB0D844C6505}"/>
                </a:ext>
              </a:extLst>
            </p:cNvPr>
            <p:cNvGrpSpPr/>
            <p:nvPr userDrawn="1"/>
          </p:nvGrpSpPr>
          <p:grpSpPr>
            <a:xfrm>
              <a:off x="868802" y="6088258"/>
              <a:ext cx="1086280" cy="303177"/>
              <a:chOff x="904298" y="6087060"/>
              <a:chExt cx="1365120" cy="381000"/>
            </a:xfrm>
          </p:grpSpPr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F8F10BB0-2830-401B-8F93-BD7B07FCF34F}"/>
                  </a:ext>
                </a:extLst>
              </p:cNvPr>
              <p:cNvSpPr/>
              <p:nvPr userDrawn="1"/>
            </p:nvSpPr>
            <p:spPr>
              <a:xfrm>
                <a:off x="947066" y="6130902"/>
                <a:ext cx="288000" cy="28800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72000" rIns="72000" bIns="72000" rtlCol="0" anchor="ctr"/>
              <a:lstStyle/>
              <a:p>
                <a:pPr algn="ctr"/>
                <a:endParaRPr lang="en-GB" sz="1800" noProof="0" dirty="0" err="1"/>
              </a:p>
            </p:txBody>
          </p:sp>
          <p:sp>
            <p:nvSpPr>
              <p:cNvPr id="19" name="Oval 18">
                <a:extLst>
                  <a:ext uri="{FF2B5EF4-FFF2-40B4-BE49-F238E27FC236}">
                    <a16:creationId xmlns:a16="http://schemas.microsoft.com/office/drawing/2014/main" id="{0912DFFE-CB27-4659-B89C-6DD2B8247AFE}"/>
                  </a:ext>
                </a:extLst>
              </p:cNvPr>
              <p:cNvSpPr/>
              <p:nvPr userDrawn="1"/>
            </p:nvSpPr>
            <p:spPr>
              <a:xfrm>
                <a:off x="1442858" y="6130902"/>
                <a:ext cx="288000" cy="28800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72000" rIns="72000" bIns="72000" rtlCol="0" anchor="ctr"/>
              <a:lstStyle/>
              <a:p>
                <a:pPr algn="ctr"/>
                <a:endParaRPr lang="en-GB" sz="1800" noProof="0" dirty="0" err="1"/>
              </a:p>
            </p:txBody>
          </p:sp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A142998B-825A-4F8B-B4A8-946619411D60}"/>
                  </a:ext>
                </a:extLst>
              </p:cNvPr>
              <p:cNvSpPr/>
              <p:nvPr userDrawn="1"/>
            </p:nvSpPr>
            <p:spPr>
              <a:xfrm>
                <a:off x="1934918" y="6130902"/>
                <a:ext cx="288000" cy="288000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72000" rIns="72000" bIns="72000" rtlCol="0" anchor="ctr"/>
              <a:lstStyle/>
              <a:p>
                <a:pPr algn="ctr"/>
                <a:endParaRPr lang="en-GB" sz="1800" noProof="0" dirty="0" err="1"/>
              </a:p>
            </p:txBody>
          </p:sp>
          <p:grpSp>
            <p:nvGrpSpPr>
              <p:cNvPr id="8" name="Group 7">
                <a:extLst>
                  <a:ext uri="{FF2B5EF4-FFF2-40B4-BE49-F238E27FC236}">
                    <a16:creationId xmlns:a16="http://schemas.microsoft.com/office/drawing/2014/main" id="{EF357017-F805-4A95-9D40-B80C04C2AADD}"/>
                  </a:ext>
                </a:extLst>
              </p:cNvPr>
              <p:cNvGrpSpPr/>
              <p:nvPr userDrawn="1"/>
            </p:nvGrpSpPr>
            <p:grpSpPr>
              <a:xfrm>
                <a:off x="904298" y="6087060"/>
                <a:ext cx="1365120" cy="381000"/>
                <a:chOff x="3394409" y="6087060"/>
                <a:chExt cx="1365120" cy="381000"/>
              </a:xfrm>
            </p:grpSpPr>
            <p:pic>
              <p:nvPicPr>
                <p:cNvPr id="9" name="Graphic 8">
                  <a:extLst>
                    <a:ext uri="{FF2B5EF4-FFF2-40B4-BE49-F238E27FC236}">
                      <a16:creationId xmlns:a16="http://schemas.microsoft.com/office/drawing/2014/main" id="{72412493-A499-48EB-B794-830736518812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2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3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3394409" y="6087060"/>
                  <a:ext cx="381000" cy="381000"/>
                </a:xfrm>
                <a:prstGeom prst="rect">
                  <a:avLst/>
                </a:prstGeom>
              </p:spPr>
            </p:pic>
            <p:pic>
              <p:nvPicPr>
                <p:cNvPr id="10" name="Graphic 9">
                  <a:extLst>
                    <a:ext uri="{FF2B5EF4-FFF2-40B4-BE49-F238E27FC236}">
                      <a16:creationId xmlns:a16="http://schemas.microsoft.com/office/drawing/2014/main" id="{4475B2FD-768A-4F76-910F-BBA00D52A940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4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5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3886469" y="6087060"/>
                  <a:ext cx="381000" cy="381000"/>
                </a:xfrm>
                <a:prstGeom prst="rect">
                  <a:avLst/>
                </a:prstGeom>
              </p:spPr>
            </p:pic>
            <p:pic>
              <p:nvPicPr>
                <p:cNvPr id="11" name="Graphic 10">
                  <a:extLst>
                    <a:ext uri="{FF2B5EF4-FFF2-40B4-BE49-F238E27FC236}">
                      <a16:creationId xmlns:a16="http://schemas.microsoft.com/office/drawing/2014/main" id="{2CE68127-FD66-4847-ABC6-BDE3102887FA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6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7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4378529" y="6087060"/>
                  <a:ext cx="381000" cy="381000"/>
                </a:xfrm>
                <a:prstGeom prst="rect">
                  <a:avLst/>
                </a:prstGeom>
              </p:spPr>
            </p:pic>
          </p:grpSp>
        </p:grpSp>
        <p:sp>
          <p:nvSpPr>
            <p:cNvPr id="24" name="Action Button: Blank 23">
              <a:hlinkClick r:id="rId8" highlightClick="1"/>
              <a:extLst>
                <a:ext uri="{FF2B5EF4-FFF2-40B4-BE49-F238E27FC236}">
                  <a16:creationId xmlns:a16="http://schemas.microsoft.com/office/drawing/2014/main" id="{54C0C176-6A0C-40AC-A853-1C1E349AFFF1}"/>
                </a:ext>
              </a:extLst>
            </p:cNvPr>
            <p:cNvSpPr/>
            <p:nvPr userDrawn="1"/>
          </p:nvSpPr>
          <p:spPr>
            <a:xfrm>
              <a:off x="868802" y="6088258"/>
              <a:ext cx="303177" cy="324065"/>
            </a:xfrm>
            <a:prstGeom prst="actionButtonBlank">
              <a:avLst/>
            </a:prstGeom>
            <a:solidFill>
              <a:schemeClr val="accent1">
                <a:alpha val="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sp>
          <p:nvSpPr>
            <p:cNvPr id="25" name="Action Button: Blank 24">
              <a:hlinkClick r:id="rId9" highlightClick="1"/>
              <a:extLst>
                <a:ext uri="{FF2B5EF4-FFF2-40B4-BE49-F238E27FC236}">
                  <a16:creationId xmlns:a16="http://schemas.microsoft.com/office/drawing/2014/main" id="{960F71EB-D474-49A0-9A6B-AEC0D9849839}"/>
                </a:ext>
              </a:extLst>
            </p:cNvPr>
            <p:cNvSpPr/>
            <p:nvPr userDrawn="1"/>
          </p:nvSpPr>
          <p:spPr>
            <a:xfrm>
              <a:off x="1260354" y="6088258"/>
              <a:ext cx="303177" cy="324065"/>
            </a:xfrm>
            <a:prstGeom prst="actionButtonBlank">
              <a:avLst/>
            </a:prstGeom>
            <a:solidFill>
              <a:schemeClr val="accent1">
                <a:alpha val="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sp>
          <p:nvSpPr>
            <p:cNvPr id="26" name="Action Button: Blank 25">
              <a:hlinkClick r:id="rId10" highlightClick="1"/>
              <a:extLst>
                <a:ext uri="{FF2B5EF4-FFF2-40B4-BE49-F238E27FC236}">
                  <a16:creationId xmlns:a16="http://schemas.microsoft.com/office/drawing/2014/main" id="{4B5604D4-9908-4879-AC86-2C0B4726B757}"/>
                </a:ext>
              </a:extLst>
            </p:cNvPr>
            <p:cNvSpPr/>
            <p:nvPr userDrawn="1"/>
          </p:nvSpPr>
          <p:spPr>
            <a:xfrm>
              <a:off x="1651905" y="6067370"/>
              <a:ext cx="303177" cy="324065"/>
            </a:xfrm>
            <a:prstGeom prst="actionButtonBlank">
              <a:avLst/>
            </a:prstGeom>
            <a:solidFill>
              <a:schemeClr val="accent1">
                <a:alpha val="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</p:grpSp>
      <p:pic>
        <p:nvPicPr>
          <p:cNvPr id="1142765128" name="image" descr="{&quot;templafy&quot;:{&quot;id&quot;:&quot;2247e819-7b2d-4b7b-bed4-0bf5646c13c8&quot;}}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8912349" y="5749158"/>
            <a:ext cx="2847600" cy="720000"/>
          </a:xfrm>
          <a:prstGeom prst="rect">
            <a:avLst/>
          </a:prstGeom>
        </p:spPr>
      </p:pic>
      <p:sp>
        <p:nvSpPr>
          <p:cNvPr id="5" name="text" descr="{&quot;templafy&quot;:{&quot;id&quot;:&quot;61230190-2560-4379-822c-9bae92784c6d&quot;}}" title="UserProfile.Name">
            <a:extLst>
              <a:ext uri="{FF2B5EF4-FFF2-40B4-BE49-F238E27FC236}">
                <a16:creationId xmlns:a16="http://schemas.microsoft.com/office/drawing/2014/main" id="{89F3C365-36B6-401F-ABD2-E32812A91C89}"/>
              </a:ext>
            </a:extLst>
          </p:cNvPr>
          <p:cNvSpPr/>
          <p:nvPr userDrawn="1"/>
        </p:nvSpPr>
        <p:spPr>
          <a:xfrm>
            <a:off x="908288" y="4480097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Henriette Schäfer Høyrup</a:t>
            </a:r>
          </a:p>
        </p:txBody>
      </p:sp>
      <p:sp>
        <p:nvSpPr>
          <p:cNvPr id="7" name="text" descr="{&quot;templafy&quot;:{&quot;id&quot;:&quot;4a82580b-b92d-4696-91c8-d434e1318287&quot;}}" title="UserProfile.Title">
            <a:extLst>
              <a:ext uri="{FF2B5EF4-FFF2-40B4-BE49-F238E27FC236}">
                <a16:creationId xmlns:a16="http://schemas.microsoft.com/office/drawing/2014/main" id="{2305872E-BC0A-4930-8596-D3D39DD7C344}"/>
              </a:ext>
            </a:extLst>
          </p:cNvPr>
          <p:cNvSpPr/>
          <p:nvPr userDrawn="1"/>
        </p:nvSpPr>
        <p:spPr>
          <a:xfrm>
            <a:off x="908288" y="4720072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Marketing Project Manager</a:t>
            </a:r>
          </a:p>
        </p:txBody>
      </p:sp>
      <p:sp>
        <p:nvSpPr>
          <p:cNvPr id="13" name="text" descr="{&quot;templafy&quot;:{&quot;id&quot;:&quot;81a4687c-58c3-4e33-b52b-fee6110bce0d&quot;}}" title="UserProfile.Email">
            <a:extLst>
              <a:ext uri="{FF2B5EF4-FFF2-40B4-BE49-F238E27FC236}">
                <a16:creationId xmlns:a16="http://schemas.microsoft.com/office/drawing/2014/main" id="{F4F7CB11-3C01-4335-B347-8E91727FD222}"/>
              </a:ext>
            </a:extLst>
          </p:cNvPr>
          <p:cNvSpPr/>
          <p:nvPr userDrawn="1"/>
        </p:nvSpPr>
        <p:spPr>
          <a:xfrm>
            <a:off x="908288" y="4966589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hsh@force.dk</a:t>
            </a:r>
          </a:p>
        </p:txBody>
      </p:sp>
      <p:sp>
        <p:nvSpPr>
          <p:cNvPr id="14" name="text" descr="{&quot;templafy&quot;:{&quot;id&quot;:&quot;02e467c9-ac15-4116-85b4-24c64870c726&quot;}}" title="UserProfile.DirectPhone">
            <a:extLst>
              <a:ext uri="{FF2B5EF4-FFF2-40B4-BE49-F238E27FC236}">
                <a16:creationId xmlns:a16="http://schemas.microsoft.com/office/drawing/2014/main" id="{F2F36A71-0A41-412C-BCD1-FB8EAF48705B}"/>
              </a:ext>
            </a:extLst>
          </p:cNvPr>
          <p:cNvSpPr/>
          <p:nvPr userDrawn="1"/>
        </p:nvSpPr>
        <p:spPr>
          <a:xfrm>
            <a:off x="908288" y="5210031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+45 43 25 17 04</a:t>
            </a:r>
          </a:p>
        </p:txBody>
      </p:sp>
      <p:sp>
        <p:nvSpPr>
          <p:cNvPr id="15" name="text" descr="{&quot;templafy&quot;:{&quot;id&quot;:&quot;e2edcee4-2d17-41c2-b615-ac9b67901e41&quot;}}" title="UserProfile.Office.Web">
            <a:extLst>
              <a:ext uri="{FF2B5EF4-FFF2-40B4-BE49-F238E27FC236}">
                <a16:creationId xmlns:a16="http://schemas.microsoft.com/office/drawing/2014/main" id="{56A5606D-C73E-4FC4-9D55-5BB454394527}"/>
              </a:ext>
            </a:extLst>
          </p:cNvPr>
          <p:cNvSpPr/>
          <p:nvPr userDrawn="1"/>
        </p:nvSpPr>
        <p:spPr>
          <a:xfrm>
            <a:off x="908288" y="5452325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forcetechnology.com</a:t>
            </a:r>
          </a:p>
        </p:txBody>
      </p:sp>
      <p:sp>
        <p:nvSpPr>
          <p:cNvPr id="23" name="Pladsholder til dato 2">
            <a:extLst>
              <a:ext uri="{FF2B5EF4-FFF2-40B4-BE49-F238E27FC236}">
                <a16:creationId xmlns:a16="http://schemas.microsoft.com/office/drawing/2014/main" id="{70FE5E7F-DC28-4B69-B409-5C617D2DDC0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27" name="Pladsholder til sidefod 3">
            <a:extLst>
              <a:ext uri="{FF2B5EF4-FFF2-40B4-BE49-F238E27FC236}">
                <a16:creationId xmlns:a16="http://schemas.microsoft.com/office/drawing/2014/main" id="{0AA83C94-6F85-4EE4-9188-017B76F737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8" name="Pladsholder til slidenummer 4">
            <a:extLst>
              <a:ext uri="{FF2B5EF4-FFF2-40B4-BE49-F238E27FC236}">
                <a16:creationId xmlns:a16="http://schemas.microsoft.com/office/drawing/2014/main" id="{23C4C041-43E3-4AFB-8760-58E4B14E93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0409029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FORC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6" name="Action Button: Blank 25">
            <a:hlinkClick r:id="rId2" highlightClick="1"/>
            <a:extLst>
              <a:ext uri="{FF2B5EF4-FFF2-40B4-BE49-F238E27FC236}">
                <a16:creationId xmlns:a16="http://schemas.microsoft.com/office/drawing/2014/main" id="{4B5604D4-9908-4879-AC86-2C0B4726B757}"/>
              </a:ext>
            </a:extLst>
          </p:cNvPr>
          <p:cNvSpPr/>
          <p:nvPr userDrawn="1"/>
        </p:nvSpPr>
        <p:spPr>
          <a:xfrm>
            <a:off x="1651905" y="6067370"/>
            <a:ext cx="303177" cy="324065"/>
          </a:xfrm>
          <a:prstGeom prst="actionButtonBlank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sz="18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10800" y="1941513"/>
            <a:ext cx="10824120" cy="1487487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CB636D4-8974-4CB9-8BD0-25A2377A4C7F}"/>
              </a:ext>
            </a:extLst>
          </p:cNvPr>
          <p:cNvSpPr txBox="1"/>
          <p:nvPr userDrawn="1"/>
        </p:nvSpPr>
        <p:spPr>
          <a:xfrm>
            <a:off x="910800" y="5953912"/>
            <a:ext cx="442492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800" kern="1000" spc="20" dirty="0">
                <a:solidFill>
                  <a:schemeClr val="bg1"/>
                </a:solidFill>
              </a:rPr>
              <a:t>Follow us on: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336F9088-0D21-3045-BC54-420A85BD5260}"/>
              </a:ext>
            </a:extLst>
          </p:cNvPr>
          <p:cNvGrpSpPr/>
          <p:nvPr userDrawn="1"/>
        </p:nvGrpSpPr>
        <p:grpSpPr>
          <a:xfrm>
            <a:off x="890970" y="6165846"/>
            <a:ext cx="1086280" cy="303177"/>
            <a:chOff x="890970" y="6165846"/>
            <a:chExt cx="1086280" cy="303177"/>
          </a:xfrm>
        </p:grpSpPr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F8F10BB0-2830-401B-8F93-BD7B07FCF34F}"/>
                </a:ext>
              </a:extLst>
            </p:cNvPr>
            <p:cNvSpPr/>
            <p:nvPr userDrawn="1"/>
          </p:nvSpPr>
          <p:spPr>
            <a:xfrm>
              <a:off x="925002" y="6200733"/>
              <a:ext cx="229173" cy="229173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sp>
          <p:nvSpPr>
            <p:cNvPr id="19" name="Oval 18">
              <a:extLst>
                <a:ext uri="{FF2B5EF4-FFF2-40B4-BE49-F238E27FC236}">
                  <a16:creationId xmlns:a16="http://schemas.microsoft.com/office/drawing/2014/main" id="{0912DFFE-CB27-4659-B89C-6DD2B8247AFE}"/>
                </a:ext>
              </a:extLst>
            </p:cNvPr>
            <p:cNvSpPr/>
            <p:nvPr userDrawn="1"/>
          </p:nvSpPr>
          <p:spPr>
            <a:xfrm>
              <a:off x="1319524" y="6200733"/>
              <a:ext cx="229173" cy="229173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A142998B-825A-4F8B-B4A8-946619411D60}"/>
                </a:ext>
              </a:extLst>
            </p:cNvPr>
            <p:cNvSpPr/>
            <p:nvPr userDrawn="1"/>
          </p:nvSpPr>
          <p:spPr>
            <a:xfrm>
              <a:off x="1711075" y="6200733"/>
              <a:ext cx="229173" cy="229173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800" noProof="0" dirty="0" err="1"/>
            </a:p>
          </p:txBody>
        </p:sp>
        <p:pic>
          <p:nvPicPr>
            <p:cNvPr id="9" name="Graphic 8">
              <a:extLst>
                <a:ext uri="{FF2B5EF4-FFF2-40B4-BE49-F238E27FC236}">
                  <a16:creationId xmlns:a16="http://schemas.microsoft.com/office/drawing/2014/main" id="{72412493-A499-48EB-B794-83073651881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890970" y="6165846"/>
              <a:ext cx="303177" cy="303177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4475B2FD-768A-4F76-910F-BBA00D52A94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1282522" y="6165846"/>
              <a:ext cx="303177" cy="303177"/>
            </a:xfrm>
            <a:prstGeom prst="rect">
              <a:avLst/>
            </a:prstGeom>
          </p:spPr>
        </p:pic>
        <p:pic>
          <p:nvPicPr>
            <p:cNvPr id="11" name="Graphic 10">
              <a:extLst>
                <a:ext uri="{FF2B5EF4-FFF2-40B4-BE49-F238E27FC236}">
                  <a16:creationId xmlns:a16="http://schemas.microsoft.com/office/drawing/2014/main" id="{2CE68127-FD66-4847-ABC6-BDE3102887FA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1674073" y="6165846"/>
              <a:ext cx="303177" cy="303177"/>
            </a:xfrm>
            <a:prstGeom prst="rect">
              <a:avLst/>
            </a:prstGeom>
          </p:spPr>
        </p:pic>
      </p:grpSp>
      <p:pic>
        <p:nvPicPr>
          <p:cNvPr id="635199933" name="image" descr="{&quot;templafy&quot;:{&quot;id&quot;:&quot;f4aa1e1f-8ee0-4aa0-bb50-1c00e48f4d38&quot;}}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8912349" y="5749158"/>
            <a:ext cx="2847600" cy="720000"/>
          </a:xfrm>
          <a:prstGeom prst="rect">
            <a:avLst/>
          </a:prstGeom>
        </p:spPr>
      </p:pic>
      <p:sp>
        <p:nvSpPr>
          <p:cNvPr id="7" name="text" descr="{&quot;templafy&quot;:{&quot;id&quot;:&quot;0bedf765-991f-4380-952b-3d49184ca12e&quot;}}" title="UserProfile.Name">
            <a:extLst>
              <a:ext uri="{FF2B5EF4-FFF2-40B4-BE49-F238E27FC236}">
                <a16:creationId xmlns:a16="http://schemas.microsoft.com/office/drawing/2014/main" id="{8AFABF58-3C14-4F87-AC00-C1923E845D2B}"/>
              </a:ext>
            </a:extLst>
          </p:cNvPr>
          <p:cNvSpPr/>
          <p:nvPr userDrawn="1"/>
        </p:nvSpPr>
        <p:spPr>
          <a:xfrm>
            <a:off x="908288" y="4480097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Henriette Schäfer Høyrup</a:t>
            </a:r>
          </a:p>
        </p:txBody>
      </p:sp>
      <p:sp>
        <p:nvSpPr>
          <p:cNvPr id="8" name="text" descr="{&quot;templafy&quot;:{&quot;id&quot;:&quot;e323851c-b98f-4666-83b0-78bbb4216e5c&quot;}}" title="UserProfile.Title">
            <a:extLst>
              <a:ext uri="{FF2B5EF4-FFF2-40B4-BE49-F238E27FC236}">
                <a16:creationId xmlns:a16="http://schemas.microsoft.com/office/drawing/2014/main" id="{8DEB4004-1607-426C-AFC4-5C3A766FA7CE}"/>
              </a:ext>
            </a:extLst>
          </p:cNvPr>
          <p:cNvSpPr/>
          <p:nvPr userDrawn="1"/>
        </p:nvSpPr>
        <p:spPr>
          <a:xfrm>
            <a:off x="908288" y="4720072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Marketing Project Manager</a:t>
            </a:r>
          </a:p>
        </p:txBody>
      </p:sp>
      <p:sp>
        <p:nvSpPr>
          <p:cNvPr id="13" name="text" descr="{&quot;templafy&quot;:{&quot;id&quot;:&quot;38ecefd9-0dbc-4a63-9959-197ce8bb9419&quot;}}" title="UserProfile.Email">
            <a:extLst>
              <a:ext uri="{FF2B5EF4-FFF2-40B4-BE49-F238E27FC236}">
                <a16:creationId xmlns:a16="http://schemas.microsoft.com/office/drawing/2014/main" id="{F3B7DE67-79CE-423F-ADFC-9036283A2477}"/>
              </a:ext>
            </a:extLst>
          </p:cNvPr>
          <p:cNvSpPr/>
          <p:nvPr userDrawn="1"/>
        </p:nvSpPr>
        <p:spPr>
          <a:xfrm>
            <a:off x="908288" y="4966589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hsh@force.dk</a:t>
            </a:r>
          </a:p>
        </p:txBody>
      </p:sp>
      <p:sp>
        <p:nvSpPr>
          <p:cNvPr id="14" name="text" descr="{&quot;templafy&quot;:{&quot;id&quot;:&quot;29e01a85-a37e-47b1-818a-1d1f3de60bc6&quot;}}" title="UserProfile.DirectPhone">
            <a:extLst>
              <a:ext uri="{FF2B5EF4-FFF2-40B4-BE49-F238E27FC236}">
                <a16:creationId xmlns:a16="http://schemas.microsoft.com/office/drawing/2014/main" id="{CD7B009B-B22F-4A0C-8539-7B850D17A13E}"/>
              </a:ext>
            </a:extLst>
          </p:cNvPr>
          <p:cNvSpPr/>
          <p:nvPr userDrawn="1"/>
        </p:nvSpPr>
        <p:spPr>
          <a:xfrm>
            <a:off x="908288" y="5210031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+45 43 25 17 04</a:t>
            </a:r>
          </a:p>
        </p:txBody>
      </p:sp>
      <p:sp>
        <p:nvSpPr>
          <p:cNvPr id="28" name="text" descr="{&quot;templafy&quot;:{&quot;id&quot;:&quot;310c8247-7072-40c1-8308-fb1bc6b5625d&quot;}}" title="UserProfile.Office.Web">
            <a:extLst>
              <a:ext uri="{FF2B5EF4-FFF2-40B4-BE49-F238E27FC236}">
                <a16:creationId xmlns:a16="http://schemas.microsoft.com/office/drawing/2014/main" id="{229EE6B4-E732-430E-AC3F-0BB2AC818FC4}"/>
              </a:ext>
            </a:extLst>
          </p:cNvPr>
          <p:cNvSpPr/>
          <p:nvPr userDrawn="1"/>
        </p:nvSpPr>
        <p:spPr>
          <a:xfrm>
            <a:off x="908288" y="5452325"/>
            <a:ext cx="5286138" cy="3461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US" sz="1600" noProof="0" dirty="0">
                <a:solidFill>
                  <a:schemeClr val="bg1"/>
                </a:solidFill>
              </a:rPr>
              <a:t>forcetechnology.com</a:t>
            </a:r>
          </a:p>
        </p:txBody>
      </p:sp>
      <p:sp>
        <p:nvSpPr>
          <p:cNvPr id="21" name="Pladsholder til dato 2">
            <a:extLst>
              <a:ext uri="{FF2B5EF4-FFF2-40B4-BE49-F238E27FC236}">
                <a16:creationId xmlns:a16="http://schemas.microsoft.com/office/drawing/2014/main" id="{277BC74F-25FC-460F-BDB3-FCC2827317A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22" name="Pladsholder til sidefod 3">
            <a:extLst>
              <a:ext uri="{FF2B5EF4-FFF2-40B4-BE49-F238E27FC236}">
                <a16:creationId xmlns:a16="http://schemas.microsoft.com/office/drawing/2014/main" id="{F044345F-DA2C-46E7-8E30-20553EF468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3" name="Pladsholder til slidenummer 4">
            <a:extLst>
              <a:ext uri="{FF2B5EF4-FFF2-40B4-BE49-F238E27FC236}">
                <a16:creationId xmlns:a16="http://schemas.microsoft.com/office/drawing/2014/main" id="{AB286539-8E0E-44A4-B9EC-865C716A54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442136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ext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11225" y="606426"/>
            <a:ext cx="10836276" cy="9144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910800" y="1520826"/>
            <a:ext cx="5282049" cy="440117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446838" y="1520826"/>
            <a:ext cx="5282049" cy="440117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9" name="FLD_PresentationTitle">
            <a:extLst>
              <a:ext uri="{FF2B5EF4-FFF2-40B4-BE49-F238E27FC236}">
                <a16:creationId xmlns:a16="http://schemas.microsoft.com/office/drawing/2014/main" id="{491EACB8-676F-3749-8435-767D987051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Date_GeneralDate" hidden="1">
            <a:extLst>
              <a:ext uri="{FF2B5EF4-FFF2-40B4-BE49-F238E27FC236}">
                <a16:creationId xmlns:a16="http://schemas.microsoft.com/office/drawing/2014/main" id="{A83B2401-09D9-4688-8C04-CDDE6348F64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BE9FFC6-2E81-43C5-9F7B-99AD72D2102B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204BEF62-0A0C-428F-9593-4784936349E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01CC16F-1C62-447A-91D5-C3D75F6D2ED0}" type="datetime3">
              <a:rPr lang="en-GB" smtClean="0"/>
              <a:pPr/>
              <a:t>6 April, 2022</a:t>
            </a:fld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A2DACD1-A298-4D19-866E-68CF70D652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4BE3378-177E-45B6-8A07-1A8ABC3BC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7154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79" y="1509623"/>
            <a:ext cx="2786833" cy="38625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BILLEDER</a:t>
            </a:r>
            <a:br>
              <a:rPr lang="en-GB" sz="1600" dirty="0"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lik på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ikonet og 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ter et nyt, kan billedet lægg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254412" y="1769459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725633" y="1520825"/>
            <a:ext cx="2566254" cy="42473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927545" y="1520825"/>
            <a:ext cx="2280360" cy="51244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TYPOGRAFIER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en-GB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en-GB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ulige slides layout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247424" y="3351641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247965" y="2647475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252871" y="4246248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3275050" y="5501394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254412" y="3012188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295913" y="3730552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927545" y="448713"/>
            <a:ext cx="11109321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452921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253845" y="4970376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1251077" y="2075881"/>
            <a:ext cx="440195" cy="5433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56763154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orsi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FAE4D028-DA28-4F31-AA6B-0E356454B97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4123701"/>
          </a:xfrm>
          <a:custGeom>
            <a:avLst/>
            <a:gdLst>
              <a:gd name="connsiteX0" fmla="*/ 0 w 12193200"/>
              <a:gd name="connsiteY0" fmla="*/ 0 h 4123701"/>
              <a:gd name="connsiteX1" fmla="*/ 12193200 w 12193200"/>
              <a:gd name="connsiteY1" fmla="*/ 0 h 4123701"/>
              <a:gd name="connsiteX2" fmla="*/ 12193200 w 12193200"/>
              <a:gd name="connsiteY2" fmla="*/ 4123701 h 4123701"/>
              <a:gd name="connsiteX3" fmla="*/ 122 w 12193200"/>
              <a:gd name="connsiteY3" fmla="*/ 3276601 h 4123701"/>
              <a:gd name="connsiteX4" fmla="*/ 122 w 12193200"/>
              <a:gd name="connsiteY4" fmla="*/ 3280259 h 4123701"/>
              <a:gd name="connsiteX5" fmla="*/ 0 w 12193200"/>
              <a:gd name="connsiteY5" fmla="*/ 3280259 h 41237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2193200" h="4123701">
                <a:moveTo>
                  <a:pt x="0" y="0"/>
                </a:moveTo>
                <a:lnTo>
                  <a:pt x="12193200" y="0"/>
                </a:lnTo>
                <a:lnTo>
                  <a:pt x="12193200" y="4123701"/>
                </a:lnTo>
                <a:lnTo>
                  <a:pt x="122" y="3276601"/>
                </a:lnTo>
                <a:lnTo>
                  <a:pt x="122" y="3280259"/>
                </a:lnTo>
                <a:lnTo>
                  <a:pt x="0" y="3280259"/>
                </a:lnTo>
                <a:close/>
              </a:path>
            </a:pathLst>
          </a:custGeom>
        </p:spPr>
        <p:txBody>
          <a:bodyPr wrap="square" lIns="144000" tIns="108000">
            <a:noAutofit/>
          </a:bodyPr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pladsholderen og indsæt billede via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5999" y="4457700"/>
            <a:ext cx="10825201" cy="1130300"/>
          </a:xfrm>
        </p:spPr>
        <p:txBody>
          <a:bodyPr anchor="b"/>
          <a:lstStyle>
            <a:lvl1pPr algn="l">
              <a:defRPr sz="3600"/>
            </a:lvl1pPr>
          </a:lstStyle>
          <a:p>
            <a:r>
              <a:rPr lang="da-DK" dirty="0"/>
              <a:t>Klik for at tilføje 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35999" y="5543550"/>
            <a:ext cx="10825201" cy="37845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Klik for at tilføje undertitel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934798" y="6296025"/>
            <a:ext cx="2084387" cy="148524"/>
          </a:xfrm>
          <a:ln>
            <a:noFill/>
          </a:ln>
        </p:spPr>
        <p:txBody>
          <a:bodyPr/>
          <a:lstStyle>
            <a:lvl1pPr>
              <a:defRPr sz="1000">
                <a:solidFill>
                  <a:schemeClr val="accent3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ln>
            <a:noFill/>
          </a:ln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67D7808D-3680-427E-A959-6C0D5CE1112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 rot="5400000">
            <a:off x="5162427" y="-5162427"/>
            <a:ext cx="1867146" cy="12192000"/>
          </a:xfrm>
          <a:custGeom>
            <a:avLst/>
            <a:gdLst>
              <a:gd name="connsiteX0" fmla="*/ 0 w 1867146"/>
              <a:gd name="connsiteY0" fmla="*/ 12192000 h 12192000"/>
              <a:gd name="connsiteX1" fmla="*/ 0 w 1867146"/>
              <a:gd name="connsiteY1" fmla="*/ 0 h 12192000"/>
              <a:gd name="connsiteX2" fmla="*/ 1068516 w 1867146"/>
              <a:gd name="connsiteY2" fmla="*/ 0 h 12192000"/>
              <a:gd name="connsiteX3" fmla="*/ 1867146 w 1867146"/>
              <a:gd name="connsiteY3" fmla="*/ 12192000 h 121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67146" h="12192000">
                <a:moveTo>
                  <a:pt x="0" y="12192000"/>
                </a:moveTo>
                <a:lnTo>
                  <a:pt x="0" y="0"/>
                </a:lnTo>
                <a:lnTo>
                  <a:pt x="1068516" y="0"/>
                </a:lnTo>
                <a:lnTo>
                  <a:pt x="1867146" y="12192000"/>
                </a:lnTo>
                <a:close/>
              </a:path>
            </a:pathLst>
          </a:custGeom>
          <a:solidFill>
            <a:schemeClr val="bg1">
              <a:alpha val="40000"/>
            </a:schemeClr>
          </a:solidFill>
        </p:spPr>
        <p:txBody>
          <a:bodyPr wrap="square">
            <a:noAutofit/>
          </a:bodyPr>
          <a:lstStyle>
            <a:lvl1pPr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3702B350-D76D-4279-AF9C-D0505A3C0F0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35037" y="6110288"/>
            <a:ext cx="5316210" cy="185737"/>
          </a:xfrm>
        </p:spPr>
        <p:txBody>
          <a:bodyPr/>
          <a:lstStyle>
            <a:lvl1pPr>
              <a:buNone/>
              <a:defRPr sz="1000" b="1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Tilføj navn her</a:t>
            </a:r>
          </a:p>
        </p:txBody>
      </p:sp>
    </p:spTree>
    <p:extLst>
      <p:ext uri="{BB962C8B-B14F-4D97-AF65-F5344CB8AC3E}">
        <p14:creationId xmlns:p14="http://schemas.microsoft.com/office/powerpoint/2010/main" val="2337139329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3b64528-a47a-4d4b-a24f-3cf07080d464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8C904583-B1D5-4D0B-B4D8-03FF914D7B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agenda titel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7AA81DF-7191-43FA-ABE2-6531A7A6E82B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935999" y="1944000"/>
            <a:ext cx="10825201" cy="3978000"/>
          </a:xfrm>
        </p:spPr>
        <p:txBody>
          <a:bodyPr/>
          <a:lstStyle>
            <a:lvl1pPr marL="539750" indent="-539750">
              <a:buClr>
                <a:schemeClr val="bg1"/>
              </a:buClr>
              <a:buFont typeface="Arial" panose="020B0604020202020204" pitchFamily="34" charset="0"/>
              <a:buChar char="‒"/>
              <a:defRPr sz="240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Agenda punkt 1</a:t>
            </a:r>
          </a:p>
          <a:p>
            <a:pPr lvl="0"/>
            <a:endParaRPr lang="da-DK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E3897F0-C802-4A97-BF21-3C177035B223}"/>
              </a:ext>
            </a:extLst>
          </p:cNvPr>
          <p:cNvSpPr txBox="1"/>
          <p:nvPr userDrawn="1"/>
        </p:nvSpPr>
        <p:spPr>
          <a:xfrm>
            <a:off x="1683348" y="6303672"/>
            <a:ext cx="1327094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sz="1000" dirty="0">
                <a:solidFill>
                  <a:schemeClr val="accent3"/>
                </a:solidFill>
              </a:rPr>
              <a:t>FORCE Technology</a:t>
            </a:r>
          </a:p>
        </p:txBody>
      </p:sp>
    </p:spTree>
    <p:extLst>
      <p:ext uri="{BB962C8B-B14F-4D97-AF65-F5344CB8AC3E}">
        <p14:creationId xmlns:p14="http://schemas.microsoft.com/office/powerpoint/2010/main" val="4285800436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094912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4260472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2 columns with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6E30E871-DBD1-4C23-A03B-88158715093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910800" y="1520825"/>
            <a:ext cx="5264263" cy="56353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 b="1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AA18529F-7C47-4E17-B4F4-70A35B6F0AB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61674" y="1520825"/>
            <a:ext cx="5294425" cy="565200"/>
          </a:xfrm>
        </p:spPr>
        <p:txBody>
          <a:bodyPr/>
          <a:lstStyle>
            <a:lvl1pPr marL="0" indent="0">
              <a:buNone/>
              <a:defRPr b="1">
                <a:solidFill>
                  <a:schemeClr val="accent1"/>
                </a:solidFill>
              </a:defRPr>
            </a:lvl1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D8572E7-C26F-4708-AC43-072DFD32E8E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0800" y="2083731"/>
            <a:ext cx="5264263" cy="386463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D3765AA7-BF08-4F50-BF38-A5D945144B0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446838" y="2083731"/>
            <a:ext cx="5301095" cy="386463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FLD_PresentationTitle">
            <a:extLst>
              <a:ext uri="{FF2B5EF4-FFF2-40B4-BE49-F238E27FC236}">
                <a16:creationId xmlns:a16="http://schemas.microsoft.com/office/drawing/2014/main" id="{B4DB2BAD-30AF-7248-9CEB-625A8026B8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E907D709-3B1F-4F36-9DB0-2750FDA2DDD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633C4CC-5ACB-477F-941D-53C76CD2D285}" type="datetime3">
              <a:rPr lang="da-DK" smtClean="0"/>
              <a:t>06.04.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1720673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10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5.xml"/><Relationship Id="rId42" Type="http://schemas.openxmlformats.org/officeDocument/2006/relationships/tags" Target="../tags/tag13.xml"/><Relationship Id="rId47" Type="http://schemas.openxmlformats.org/officeDocument/2006/relationships/tags" Target="../tags/tag18.xml"/><Relationship Id="rId50" Type="http://schemas.openxmlformats.org/officeDocument/2006/relationships/tags" Target="../tags/tag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tags" Target="../tags/tag4.xml"/><Relationship Id="rId38" Type="http://schemas.openxmlformats.org/officeDocument/2006/relationships/tags" Target="../tags/tag9.xml"/><Relationship Id="rId46" Type="http://schemas.openxmlformats.org/officeDocument/2006/relationships/tags" Target="../tags/tag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heme" Target="../theme/theme1.xml"/><Relationship Id="rId41" Type="http://schemas.openxmlformats.org/officeDocument/2006/relationships/tags" Target="../tags/tag12.xml"/><Relationship Id="rId54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ags" Target="../tags/tag3.xml"/><Relationship Id="rId37" Type="http://schemas.openxmlformats.org/officeDocument/2006/relationships/tags" Target="../tags/tag8.xml"/><Relationship Id="rId40" Type="http://schemas.openxmlformats.org/officeDocument/2006/relationships/tags" Target="../tags/tag11.xml"/><Relationship Id="rId45" Type="http://schemas.openxmlformats.org/officeDocument/2006/relationships/tags" Target="../tags/tag16.xml"/><Relationship Id="rId53" Type="http://schemas.openxmlformats.org/officeDocument/2006/relationships/tags" Target="../tags/tag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7.xml"/><Relationship Id="rId49" Type="http://schemas.openxmlformats.org/officeDocument/2006/relationships/tags" Target="../tags/tag20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2.xml"/><Relationship Id="rId44" Type="http://schemas.openxmlformats.org/officeDocument/2006/relationships/tags" Target="../tags/tag15.xml"/><Relationship Id="rId52" Type="http://schemas.openxmlformats.org/officeDocument/2006/relationships/tags" Target="../tags/tag23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tags" Target="../tags/tag1.xml"/><Relationship Id="rId35" Type="http://schemas.openxmlformats.org/officeDocument/2006/relationships/tags" Target="../tags/tag6.xml"/><Relationship Id="rId43" Type="http://schemas.openxmlformats.org/officeDocument/2006/relationships/tags" Target="../tags/tag14.xml"/><Relationship Id="rId48" Type="http://schemas.openxmlformats.org/officeDocument/2006/relationships/tags" Target="../tags/tag19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22.xml"/></Relationships>
</file>

<file path=ppt/slideMasters/_rels/slideMaster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41.xml"/><Relationship Id="rId18" Type="http://schemas.openxmlformats.org/officeDocument/2006/relationships/slideLayout" Target="../slideLayouts/slideLayout46.xml"/><Relationship Id="rId26" Type="http://schemas.openxmlformats.org/officeDocument/2006/relationships/slideLayout" Target="../slideLayouts/slideLayout54.xml"/><Relationship Id="rId39" Type="http://schemas.openxmlformats.org/officeDocument/2006/relationships/tags" Target="../tags/tag34.xml"/><Relationship Id="rId3" Type="http://schemas.openxmlformats.org/officeDocument/2006/relationships/slideLayout" Target="../slideLayouts/slideLayout31.xml"/><Relationship Id="rId21" Type="http://schemas.openxmlformats.org/officeDocument/2006/relationships/slideLayout" Target="../slideLayouts/slideLayout49.xml"/><Relationship Id="rId34" Type="http://schemas.openxmlformats.org/officeDocument/2006/relationships/tags" Target="../tags/tag29.xml"/><Relationship Id="rId42" Type="http://schemas.openxmlformats.org/officeDocument/2006/relationships/tags" Target="../tags/tag37.xml"/><Relationship Id="rId47" Type="http://schemas.openxmlformats.org/officeDocument/2006/relationships/tags" Target="../tags/tag42.xml"/><Relationship Id="rId50" Type="http://schemas.openxmlformats.org/officeDocument/2006/relationships/tags" Target="../tags/tag45.xml"/><Relationship Id="rId7" Type="http://schemas.openxmlformats.org/officeDocument/2006/relationships/slideLayout" Target="../slideLayouts/slideLayout35.xml"/><Relationship Id="rId12" Type="http://schemas.openxmlformats.org/officeDocument/2006/relationships/slideLayout" Target="../slideLayouts/slideLayout40.xml"/><Relationship Id="rId17" Type="http://schemas.openxmlformats.org/officeDocument/2006/relationships/slideLayout" Target="../slideLayouts/slideLayout45.xml"/><Relationship Id="rId25" Type="http://schemas.openxmlformats.org/officeDocument/2006/relationships/slideLayout" Target="../slideLayouts/slideLayout53.xml"/><Relationship Id="rId33" Type="http://schemas.openxmlformats.org/officeDocument/2006/relationships/tags" Target="../tags/tag28.xml"/><Relationship Id="rId38" Type="http://schemas.openxmlformats.org/officeDocument/2006/relationships/tags" Target="../tags/tag33.xml"/><Relationship Id="rId46" Type="http://schemas.openxmlformats.org/officeDocument/2006/relationships/tags" Target="../tags/tag41.xml"/><Relationship Id="rId2" Type="http://schemas.openxmlformats.org/officeDocument/2006/relationships/slideLayout" Target="../slideLayouts/slideLayout30.xml"/><Relationship Id="rId16" Type="http://schemas.openxmlformats.org/officeDocument/2006/relationships/slideLayout" Target="../slideLayouts/slideLayout44.xml"/><Relationship Id="rId20" Type="http://schemas.openxmlformats.org/officeDocument/2006/relationships/slideLayout" Target="../slideLayouts/slideLayout48.xml"/><Relationship Id="rId29" Type="http://schemas.openxmlformats.org/officeDocument/2006/relationships/theme" Target="../theme/theme2.xml"/><Relationship Id="rId41" Type="http://schemas.openxmlformats.org/officeDocument/2006/relationships/tags" Target="../tags/tag36.xml"/><Relationship Id="rId54" Type="http://schemas.openxmlformats.org/officeDocument/2006/relationships/image" Target="../media/image1.emf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24" Type="http://schemas.openxmlformats.org/officeDocument/2006/relationships/slideLayout" Target="../slideLayouts/slideLayout52.xml"/><Relationship Id="rId32" Type="http://schemas.openxmlformats.org/officeDocument/2006/relationships/tags" Target="../tags/tag27.xml"/><Relationship Id="rId37" Type="http://schemas.openxmlformats.org/officeDocument/2006/relationships/tags" Target="../tags/tag32.xml"/><Relationship Id="rId40" Type="http://schemas.openxmlformats.org/officeDocument/2006/relationships/tags" Target="../tags/tag35.xml"/><Relationship Id="rId45" Type="http://schemas.openxmlformats.org/officeDocument/2006/relationships/tags" Target="../tags/tag40.xml"/><Relationship Id="rId53" Type="http://schemas.openxmlformats.org/officeDocument/2006/relationships/tags" Target="../tags/tag48.xml"/><Relationship Id="rId5" Type="http://schemas.openxmlformats.org/officeDocument/2006/relationships/slideLayout" Target="../slideLayouts/slideLayout33.xml"/><Relationship Id="rId15" Type="http://schemas.openxmlformats.org/officeDocument/2006/relationships/slideLayout" Target="../slideLayouts/slideLayout43.xml"/><Relationship Id="rId23" Type="http://schemas.openxmlformats.org/officeDocument/2006/relationships/slideLayout" Target="../slideLayouts/slideLayout51.xml"/><Relationship Id="rId28" Type="http://schemas.openxmlformats.org/officeDocument/2006/relationships/slideLayout" Target="../slideLayouts/slideLayout56.xml"/><Relationship Id="rId36" Type="http://schemas.openxmlformats.org/officeDocument/2006/relationships/tags" Target="../tags/tag31.xml"/><Relationship Id="rId49" Type="http://schemas.openxmlformats.org/officeDocument/2006/relationships/tags" Target="../tags/tag44.xml"/><Relationship Id="rId10" Type="http://schemas.openxmlformats.org/officeDocument/2006/relationships/slideLayout" Target="../slideLayouts/slideLayout38.xml"/><Relationship Id="rId19" Type="http://schemas.openxmlformats.org/officeDocument/2006/relationships/slideLayout" Target="../slideLayouts/slideLayout47.xml"/><Relationship Id="rId31" Type="http://schemas.openxmlformats.org/officeDocument/2006/relationships/tags" Target="../tags/tag26.xml"/><Relationship Id="rId44" Type="http://schemas.openxmlformats.org/officeDocument/2006/relationships/tags" Target="../tags/tag39.xml"/><Relationship Id="rId52" Type="http://schemas.openxmlformats.org/officeDocument/2006/relationships/tags" Target="../tags/tag47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Relationship Id="rId14" Type="http://schemas.openxmlformats.org/officeDocument/2006/relationships/slideLayout" Target="../slideLayouts/slideLayout42.xml"/><Relationship Id="rId22" Type="http://schemas.openxmlformats.org/officeDocument/2006/relationships/slideLayout" Target="../slideLayouts/slideLayout50.xml"/><Relationship Id="rId27" Type="http://schemas.openxmlformats.org/officeDocument/2006/relationships/slideLayout" Target="../slideLayouts/slideLayout55.xml"/><Relationship Id="rId30" Type="http://schemas.openxmlformats.org/officeDocument/2006/relationships/tags" Target="../tags/tag25.xml"/><Relationship Id="rId35" Type="http://schemas.openxmlformats.org/officeDocument/2006/relationships/tags" Target="../tags/tag30.xml"/><Relationship Id="rId43" Type="http://schemas.openxmlformats.org/officeDocument/2006/relationships/tags" Target="../tags/tag38.xml"/><Relationship Id="rId48" Type="http://schemas.openxmlformats.org/officeDocument/2006/relationships/tags" Target="../tags/tag43.xml"/><Relationship Id="rId8" Type="http://schemas.openxmlformats.org/officeDocument/2006/relationships/slideLayout" Target="../slideLayouts/slideLayout36.xml"/><Relationship Id="rId51" Type="http://schemas.openxmlformats.org/officeDocument/2006/relationships/tags" Target="../tags/tag46.xml"/></Relationships>
</file>

<file path=ppt/slideMasters/_rels/slideMaster3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69.xml"/><Relationship Id="rId18" Type="http://schemas.openxmlformats.org/officeDocument/2006/relationships/slideLayout" Target="../slideLayouts/slideLayout74.xml"/><Relationship Id="rId26" Type="http://schemas.openxmlformats.org/officeDocument/2006/relationships/slideLayout" Target="../slideLayouts/slideLayout82.xml"/><Relationship Id="rId39" Type="http://schemas.openxmlformats.org/officeDocument/2006/relationships/tags" Target="../tags/tag59.xml"/><Relationship Id="rId3" Type="http://schemas.openxmlformats.org/officeDocument/2006/relationships/slideLayout" Target="../slideLayouts/slideLayout59.xml"/><Relationship Id="rId21" Type="http://schemas.openxmlformats.org/officeDocument/2006/relationships/slideLayout" Target="../slideLayouts/slideLayout77.xml"/><Relationship Id="rId34" Type="http://schemas.openxmlformats.org/officeDocument/2006/relationships/tags" Target="../tags/tag54.xml"/><Relationship Id="rId42" Type="http://schemas.openxmlformats.org/officeDocument/2006/relationships/tags" Target="../tags/tag62.xml"/><Relationship Id="rId47" Type="http://schemas.openxmlformats.org/officeDocument/2006/relationships/tags" Target="../tags/tag67.xml"/><Relationship Id="rId50" Type="http://schemas.openxmlformats.org/officeDocument/2006/relationships/tags" Target="../tags/tag70.xml"/><Relationship Id="rId7" Type="http://schemas.openxmlformats.org/officeDocument/2006/relationships/slideLayout" Target="../slideLayouts/slideLayout63.xml"/><Relationship Id="rId12" Type="http://schemas.openxmlformats.org/officeDocument/2006/relationships/slideLayout" Target="../slideLayouts/slideLayout68.xml"/><Relationship Id="rId17" Type="http://schemas.openxmlformats.org/officeDocument/2006/relationships/slideLayout" Target="../slideLayouts/slideLayout73.xml"/><Relationship Id="rId25" Type="http://schemas.openxmlformats.org/officeDocument/2006/relationships/slideLayout" Target="../slideLayouts/slideLayout81.xml"/><Relationship Id="rId33" Type="http://schemas.openxmlformats.org/officeDocument/2006/relationships/tags" Target="../tags/tag53.xml"/><Relationship Id="rId38" Type="http://schemas.openxmlformats.org/officeDocument/2006/relationships/tags" Target="../tags/tag58.xml"/><Relationship Id="rId46" Type="http://schemas.openxmlformats.org/officeDocument/2006/relationships/tags" Target="../tags/tag66.xml"/><Relationship Id="rId2" Type="http://schemas.openxmlformats.org/officeDocument/2006/relationships/slideLayout" Target="../slideLayouts/slideLayout58.xml"/><Relationship Id="rId16" Type="http://schemas.openxmlformats.org/officeDocument/2006/relationships/slideLayout" Target="../slideLayouts/slideLayout72.xml"/><Relationship Id="rId20" Type="http://schemas.openxmlformats.org/officeDocument/2006/relationships/slideLayout" Target="../slideLayouts/slideLayout76.xml"/><Relationship Id="rId29" Type="http://schemas.openxmlformats.org/officeDocument/2006/relationships/tags" Target="../tags/tag49.xml"/><Relationship Id="rId41" Type="http://schemas.openxmlformats.org/officeDocument/2006/relationships/tags" Target="../tags/tag61.xml"/><Relationship Id="rId1" Type="http://schemas.openxmlformats.org/officeDocument/2006/relationships/slideLayout" Target="../slideLayouts/slideLayout57.xml"/><Relationship Id="rId6" Type="http://schemas.openxmlformats.org/officeDocument/2006/relationships/slideLayout" Target="../slideLayouts/slideLayout62.xml"/><Relationship Id="rId11" Type="http://schemas.openxmlformats.org/officeDocument/2006/relationships/slideLayout" Target="../slideLayouts/slideLayout67.xml"/><Relationship Id="rId24" Type="http://schemas.openxmlformats.org/officeDocument/2006/relationships/slideLayout" Target="../slideLayouts/slideLayout80.xml"/><Relationship Id="rId32" Type="http://schemas.openxmlformats.org/officeDocument/2006/relationships/tags" Target="../tags/tag52.xml"/><Relationship Id="rId37" Type="http://schemas.openxmlformats.org/officeDocument/2006/relationships/tags" Target="../tags/tag57.xml"/><Relationship Id="rId40" Type="http://schemas.openxmlformats.org/officeDocument/2006/relationships/tags" Target="../tags/tag60.xml"/><Relationship Id="rId45" Type="http://schemas.openxmlformats.org/officeDocument/2006/relationships/tags" Target="../tags/tag65.xml"/><Relationship Id="rId53" Type="http://schemas.openxmlformats.org/officeDocument/2006/relationships/image" Target="../media/image1.emf"/><Relationship Id="rId5" Type="http://schemas.openxmlformats.org/officeDocument/2006/relationships/slideLayout" Target="../slideLayouts/slideLayout61.xml"/><Relationship Id="rId15" Type="http://schemas.openxmlformats.org/officeDocument/2006/relationships/slideLayout" Target="../slideLayouts/slideLayout71.xml"/><Relationship Id="rId23" Type="http://schemas.openxmlformats.org/officeDocument/2006/relationships/slideLayout" Target="../slideLayouts/slideLayout79.xml"/><Relationship Id="rId28" Type="http://schemas.openxmlformats.org/officeDocument/2006/relationships/theme" Target="../theme/theme3.xml"/><Relationship Id="rId36" Type="http://schemas.openxmlformats.org/officeDocument/2006/relationships/tags" Target="../tags/tag56.xml"/><Relationship Id="rId49" Type="http://schemas.openxmlformats.org/officeDocument/2006/relationships/tags" Target="../tags/tag69.xml"/><Relationship Id="rId10" Type="http://schemas.openxmlformats.org/officeDocument/2006/relationships/slideLayout" Target="../slideLayouts/slideLayout66.xml"/><Relationship Id="rId19" Type="http://schemas.openxmlformats.org/officeDocument/2006/relationships/slideLayout" Target="../slideLayouts/slideLayout75.xml"/><Relationship Id="rId31" Type="http://schemas.openxmlformats.org/officeDocument/2006/relationships/tags" Target="../tags/tag51.xml"/><Relationship Id="rId44" Type="http://schemas.openxmlformats.org/officeDocument/2006/relationships/tags" Target="../tags/tag64.xml"/><Relationship Id="rId52" Type="http://schemas.openxmlformats.org/officeDocument/2006/relationships/tags" Target="../tags/tag72.xml"/><Relationship Id="rId4" Type="http://schemas.openxmlformats.org/officeDocument/2006/relationships/slideLayout" Target="../slideLayouts/slideLayout60.xml"/><Relationship Id="rId9" Type="http://schemas.openxmlformats.org/officeDocument/2006/relationships/slideLayout" Target="../slideLayouts/slideLayout65.xml"/><Relationship Id="rId14" Type="http://schemas.openxmlformats.org/officeDocument/2006/relationships/slideLayout" Target="../slideLayouts/slideLayout70.xml"/><Relationship Id="rId22" Type="http://schemas.openxmlformats.org/officeDocument/2006/relationships/slideLayout" Target="../slideLayouts/slideLayout78.xml"/><Relationship Id="rId27" Type="http://schemas.openxmlformats.org/officeDocument/2006/relationships/slideLayout" Target="../slideLayouts/slideLayout83.xml"/><Relationship Id="rId30" Type="http://schemas.openxmlformats.org/officeDocument/2006/relationships/tags" Target="../tags/tag50.xml"/><Relationship Id="rId35" Type="http://schemas.openxmlformats.org/officeDocument/2006/relationships/tags" Target="../tags/tag55.xml"/><Relationship Id="rId43" Type="http://schemas.openxmlformats.org/officeDocument/2006/relationships/tags" Target="../tags/tag63.xml"/><Relationship Id="rId48" Type="http://schemas.openxmlformats.org/officeDocument/2006/relationships/tags" Target="../tags/tag68.xml"/><Relationship Id="rId8" Type="http://schemas.openxmlformats.org/officeDocument/2006/relationships/slideLayout" Target="../slideLayouts/slideLayout64.xml"/><Relationship Id="rId51" Type="http://schemas.openxmlformats.org/officeDocument/2006/relationships/tags" Target="../tags/tag7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11224" y="606426"/>
            <a:ext cx="10848895" cy="9143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11225" y="1520827"/>
            <a:ext cx="10848894" cy="442753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10800" y="6277560"/>
            <a:ext cx="39492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73.70079&lt;/Left&gt;&#10;      &lt;Top&gt;48.1889763&lt;/Top&gt;&#10;      &lt;Width&gt;852.2929&lt;/Width&gt;&#10;      &lt;Height&gt;104.881889&lt;/Height&gt;&#10;    &lt;/SubGrid&gt;&#10;    &lt;SubGrid&gt;&#10;      &lt;Left&gt;131.754333&lt;/Left&gt;&#10;      &lt;Top&gt;153.070862&lt;/Top&gt;&#10;      &lt;Width&gt;14.1732283&lt;/Width&gt;&#10;      &lt;Height&gt;313.228333&lt;/Height&gt;&#10;    &lt;/SubGrid&gt;&#10;    &lt;SubGrid&gt;&#10;      &lt;Left&gt;73.70079&lt;/Left&gt;&#10;      &lt;Top&gt;153.070862&lt;/Top&gt;&#10;      &lt;Width&gt;58.0535431&lt;/Width&gt;&#10;      &lt;Height&gt;313.228333&lt;/Height&gt;&#10;    &lt;/SubGrid&gt;&#10;    &lt;SubGrid&gt;&#10;      &lt;Left&gt;203.98111&lt;/Left&gt;&#10;      &lt;Top&gt;153.070862&lt;/Top&gt;&#10;      &lt;Width&gt;14.1732283&lt;/Width&gt;&#10;      &lt;Height&gt;313.228333&lt;/Height&gt;&#10;    &lt;/SubGrid&gt;&#10;    &lt;SubGrid&gt;&#10;      &lt;Left&gt;145.927567&lt;/Left&gt;&#10;      &lt;Top&gt;153.070862&lt;/Top&gt;&#10;      &lt;Width&gt;58.0535431&lt;/Width&gt;&#10;      &lt;Height&gt;313.228333&lt;/Height&gt;&#10;    &lt;/SubGrid&gt;&#10;    &lt;SubGrid&gt;&#10;      &lt;Left&gt;276.2079&lt;/Left&gt;&#10;      &lt;Top&gt;153.070862&lt;/Top&gt;&#10;      &lt;Width&gt;14.1732283&lt;/Width&gt;&#10;      &lt;Height&gt;313.228333&lt;/Height&gt;&#10;    &lt;/SubGrid&gt;&#10;    &lt;SubGrid&gt;&#10;      &lt;Left&gt;218.154327&lt;/Left&gt;&#10;      &lt;Top&gt;153.070862&lt;/Top&gt;&#10;      &lt;Width&gt;58.0535431&lt;/Width&gt;&#10;      &lt;Height&gt;313.228333&lt;/Height&gt;&#10;    &lt;/SubGrid&gt;&#10;    &lt;SubGrid&gt;&#10;      &lt;Left&gt;348.434631&lt;/Left&gt;&#10;      &lt;Top&gt;153.070862&lt;/Top&gt;&#10;      &lt;Width&gt;14.1732283&lt;/Width&gt;&#10;      &lt;Height&gt;313.228333&lt;/Height&gt;&#10;    &lt;/SubGrid&gt;&#10;    &lt;SubGrid&gt;&#10;      &lt;Left&gt;290.3811&lt;/Left&gt;&#10;      &lt;Top&gt;153.070862&lt;/Top&gt;&#10;      &lt;Width&gt;58.0535431&lt;/Width&gt;&#10;      &lt;Height&gt;313.228333&lt;/Height&gt;&#10;    &lt;/SubGrid&gt;&#10;    &lt;SubGrid&gt;&#10;      &lt;Left&gt;420.6614&lt;/Left&gt;&#10;      &lt;Top&gt;153.070862&lt;/Top&gt;&#10;      &lt;Width&gt;14.1732283&lt;/Width&gt;&#10;      &lt;Height&gt;313.228333&lt;/Height&gt;&#10;    &lt;/SubGrid&gt;&#10;    &lt;SubGrid&gt;&#10;      &lt;Left&gt;362.60788&lt;/Left&gt;&#10;      &lt;Top&gt;153.070862&lt;/Top&gt;&#10;      &lt;Width&gt;58.0535431&lt;/Width&gt;&#10;      &lt;Height&gt;313.228333&lt;/Height&gt;&#10;    &lt;/SubGrid&gt;&#10;    &lt;SubGrid&gt;&#10;      &lt;Left&gt;492.888184&lt;/Left&gt;&#10;      &lt;Top&gt;153.070862&lt;/Top&gt;&#10;      &lt;Width&gt;14.1732283&lt;/Width&gt;&#10;      &lt;Height&gt;313.228333&lt;/Height&gt;&#10;    &lt;/SubGrid&gt;&#10;    &lt;SubGrid&gt;&#10;      &lt;Left&gt;434.834656&lt;/Left&gt;&#10;      &lt;Top&gt;153.070862&lt;/Top&gt;&#10;      &lt;Width&gt;58.0535431&lt;/Width&gt;&#10;      &lt;Height&gt;313.228333&lt;/Height&gt;&#10;    &lt;/SubGrid&gt;&#10;    &lt;SubGrid&gt;&#10;      &lt;Left&gt;565.115&lt;/Left&gt;&#10;      &lt;Top&gt;153.070862&lt;/Top&gt;&#10;      &lt;Width&gt;14.1732283&lt;/Width&gt;&#10;      &lt;Height&gt;313.228333&lt;/Height&gt;&#10;    &lt;/SubGrid&gt;&#10;    &lt;SubGrid&gt;&#10;      &lt;Left&gt;507.061432&lt;/Left&gt;&#10;      &lt;Top&gt;153.070862&lt;/Top&gt;&#10;      &lt;Width&gt;58.0535431&lt;/Width&gt;&#10;      &lt;Height&gt;313.228333&lt;/Height&gt;&#10;    &lt;/SubGrid&gt;&#10;    &lt;SubGrid&gt;&#10;      &lt;Left&gt;637.341736&lt;/Left&gt;&#10;      &lt;Top&gt;153.070862&lt;/Top&gt;&#10;      &lt;Width&gt;14.1732283&lt;/Width&gt;&#10;      &lt;Height&gt;313.228333&lt;/Height&gt;&#10;    &lt;/SubGrid&gt;&#10;    &lt;SubGrid&gt;&#10;      &lt;Left&gt;579.2882&lt;/Left&gt;&#10;      &lt;Top&gt;153.070862&lt;/Top&gt;&#10;      &lt;Width&gt;58.0535431&lt;/Width&gt;&#10;      &lt;Height&gt;313.228333&lt;/Height&gt;&#10;    &lt;/SubGrid&gt;&#10;    &lt;SubGrid&gt;&#10;      &lt;Left&gt;709.5685&lt;/Left&gt;&#10;      &lt;Top&gt;153.070862&lt;/Top&gt;&#10;      &lt;Width&gt;14.1732283&lt;/Width&gt;&#10;      &lt;Height&gt;313.228333&lt;/Height&gt;&#10;    &lt;/SubGrid&gt;&#10;    &lt;SubGrid&gt;&#10;      &lt;Left&gt;651.514954&lt;/Left&gt;&#10;      &lt;Top&gt;153.070862&lt;/Top&gt;&#10;      &lt;Width&gt;58.0535431&lt;/Width&gt;&#10;      &lt;Height&gt;313.228333&lt;/Height&gt;&#10;    &lt;/SubGrid&gt;&#10;    &lt;SubGrid&gt;&#10;      &lt;Left&gt;781.7953&lt;/Left&gt;&#10;      &lt;Top&gt;153.070862&lt;/Top&gt;&#10;      &lt;Width&gt;14.1732283&lt;/Width&gt;&#10;      &lt;Height&gt;313.228333&lt;/Height&gt;&#10;    &lt;/SubGrid&gt;&#10;    &lt;SubGrid&gt;&#10;      &lt;Left&gt;723.74176&lt;/Left&gt;&#10;      &lt;Top&gt;153.070862&lt;/Top&gt;&#10;      &lt;Width&gt;58.0535431&lt;/Width&gt;&#10;      &lt;Height&gt;313.228333&lt;/Height&gt;&#10;    &lt;/SubGrid&gt;&#10;    &lt;SubGrid&gt;&#10;      &lt;Left&gt;854.022034&lt;/Left&gt;&#10;      &lt;Top&gt;153.070862&lt;/Top&gt;&#10;      &lt;Width&gt;14.1732283&lt;/Width&gt;&#10;      &lt;Height&gt;313.228333&lt;/Height&gt;&#10;    &lt;/SubGrid&gt;&#10;    &lt;SubGrid&gt;&#10;      &lt;Left&gt;795.9685&lt;/Left&gt;&#10;      &lt;Top&gt;153.070862&lt;/Top&gt;&#10;      &lt;Width&gt;58.0535431&lt;/Width&gt;&#10;      &lt;Height&gt;313.228333&lt;/Height&gt;&#10;    &lt;/SubGrid&gt;&#10;    &lt;SubGrid&gt;&#10;      &lt;Left&gt;868.195251&lt;/Left&gt;&#10;      &lt;Top&gt;153.070862&lt;/Top&gt;&#10;      &lt;Width&gt;57.8834839&lt;/Width&gt;&#10;      &lt;Height&gt;313.228333&lt;/Height&gt;&#10;    &lt;/SubGrid&gt;&#10;  &lt;/SubGrids&gt;&#10;  &lt;WorkArea&gt;&#10;    &lt;Top&gt;48.1889763&lt;/Top&gt;&#10;    &lt;Left&gt;73.70079&lt;/Left&gt;&#10;    &lt;Width&gt;852.3779&lt;/Width&gt;&#10;    &lt;Height&gt;418.110229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0&lt;/OfficeVersion&gt;&#10;&lt;/GridTheme&gt;" hidden="1">
            <a:extLst>
              <a:ext uri="{FF2B5EF4-FFF2-40B4-BE49-F238E27FC236}">
                <a16:creationId xmlns:a16="http://schemas.microsoft.com/office/drawing/2014/main" id="{B42FB6EC-EE12-44EA-AA91-D66CE2AD6E94}"/>
              </a:ext>
            </a:extLst>
          </p:cNvPr>
          <p:cNvSpPr/>
          <p:nvPr userDrawn="1"/>
        </p:nvSpPr>
        <p:spPr>
          <a:xfrm>
            <a:off x="936000" y="612000"/>
            <a:ext cx="10825200" cy="5310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" name="Rectangle 7" hidden="1">
            <a:extLst>
              <a:ext uri="{FF2B5EF4-FFF2-40B4-BE49-F238E27FC236}">
                <a16:creationId xmlns:a16="http://schemas.microsoft.com/office/drawing/2014/main" id="{83300BD7-255C-4326-A003-A4F73B2D3401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936000" y="612000"/>
            <a:ext cx="10824120" cy="1332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9" name="Rectangle 8" hidden="1">
            <a:extLst>
              <a:ext uri="{FF2B5EF4-FFF2-40B4-BE49-F238E27FC236}">
                <a16:creationId xmlns:a16="http://schemas.microsoft.com/office/drawing/2014/main" id="{FE49DD27-6F8D-4DC9-A119-7627B6B32784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167328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1F82F2C9-A4C0-4BCA-9993-2264570A4F83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93600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481DC250-7060-41ED-BD8E-7EA0D9ED72AF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259056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2" name="Rectangle 11" hidden="1">
            <a:extLst>
              <a:ext uri="{FF2B5EF4-FFF2-40B4-BE49-F238E27FC236}">
                <a16:creationId xmlns:a16="http://schemas.microsoft.com/office/drawing/2014/main" id="{7D558E1E-6500-4E68-BDC6-A4E37D69AF04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185328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3" name="Rectangle 12" hidden="1">
            <a:extLst>
              <a:ext uri="{FF2B5EF4-FFF2-40B4-BE49-F238E27FC236}">
                <a16:creationId xmlns:a16="http://schemas.microsoft.com/office/drawing/2014/main" id="{13918A0B-B749-4249-A69C-3C2BA1D6E12C}"/>
              </a:ext>
            </a:extLst>
          </p:cNvPr>
          <p:cNvSpPr/>
          <p:nvPr userDrawn="1">
            <p:custDataLst>
              <p:tags r:id="rId35"/>
            </p:custDataLst>
          </p:nvPr>
        </p:nvSpPr>
        <p:spPr>
          <a:xfrm>
            <a:off x="350784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4" name="Rectangle 13" hidden="1">
            <a:extLst>
              <a:ext uri="{FF2B5EF4-FFF2-40B4-BE49-F238E27FC236}">
                <a16:creationId xmlns:a16="http://schemas.microsoft.com/office/drawing/2014/main" id="{26153917-7632-4776-852F-86EF091AAB23}"/>
              </a:ext>
            </a:extLst>
          </p:cNvPr>
          <p:cNvSpPr/>
          <p:nvPr userDrawn="1">
            <p:custDataLst>
              <p:tags r:id="rId36"/>
            </p:custDataLst>
          </p:nvPr>
        </p:nvSpPr>
        <p:spPr>
          <a:xfrm>
            <a:off x="277056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5" name="Rectangle 14" hidden="1">
            <a:extLst>
              <a:ext uri="{FF2B5EF4-FFF2-40B4-BE49-F238E27FC236}">
                <a16:creationId xmlns:a16="http://schemas.microsoft.com/office/drawing/2014/main" id="{99D47587-B603-4942-B689-616E38A08FD1}"/>
              </a:ext>
            </a:extLst>
          </p:cNvPr>
          <p:cNvSpPr/>
          <p:nvPr userDrawn="1">
            <p:custDataLst>
              <p:tags r:id="rId37"/>
            </p:custDataLst>
          </p:nvPr>
        </p:nvSpPr>
        <p:spPr>
          <a:xfrm>
            <a:off x="442512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6" name="Rectangle 15" hidden="1">
            <a:extLst>
              <a:ext uri="{FF2B5EF4-FFF2-40B4-BE49-F238E27FC236}">
                <a16:creationId xmlns:a16="http://schemas.microsoft.com/office/drawing/2014/main" id="{B78480A4-F650-4EF8-AA15-3267EA84D04F}"/>
              </a:ext>
            </a:extLst>
          </p:cNvPr>
          <p:cNvSpPr/>
          <p:nvPr userDrawn="1">
            <p:custDataLst>
              <p:tags r:id="rId38"/>
            </p:custDataLst>
          </p:nvPr>
        </p:nvSpPr>
        <p:spPr>
          <a:xfrm>
            <a:off x="368784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7" name="Rectangle 16" hidden="1">
            <a:extLst>
              <a:ext uri="{FF2B5EF4-FFF2-40B4-BE49-F238E27FC236}">
                <a16:creationId xmlns:a16="http://schemas.microsoft.com/office/drawing/2014/main" id="{80BD21CD-3678-454D-8823-01F42B7B81D4}"/>
              </a:ext>
            </a:extLst>
          </p:cNvPr>
          <p:cNvSpPr/>
          <p:nvPr userDrawn="1">
            <p:custDataLst>
              <p:tags r:id="rId39"/>
            </p:custDataLst>
          </p:nvPr>
        </p:nvSpPr>
        <p:spPr>
          <a:xfrm>
            <a:off x="534240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8" name="Rectangle 17" hidden="1">
            <a:extLst>
              <a:ext uri="{FF2B5EF4-FFF2-40B4-BE49-F238E27FC236}">
                <a16:creationId xmlns:a16="http://schemas.microsoft.com/office/drawing/2014/main" id="{D40AA0D4-C8F0-4726-9E30-565FB978800A}"/>
              </a:ext>
            </a:extLst>
          </p:cNvPr>
          <p:cNvSpPr/>
          <p:nvPr userDrawn="1">
            <p:custDataLst>
              <p:tags r:id="rId40"/>
            </p:custDataLst>
          </p:nvPr>
        </p:nvSpPr>
        <p:spPr>
          <a:xfrm>
            <a:off x="460512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9" name="Rectangle 18" hidden="1">
            <a:extLst>
              <a:ext uri="{FF2B5EF4-FFF2-40B4-BE49-F238E27FC236}">
                <a16:creationId xmlns:a16="http://schemas.microsoft.com/office/drawing/2014/main" id="{79298ECA-0199-421B-942F-C42D36FC8CCC}"/>
              </a:ext>
            </a:extLst>
          </p:cNvPr>
          <p:cNvSpPr/>
          <p:nvPr userDrawn="1">
            <p:custDataLst>
              <p:tags r:id="rId41"/>
            </p:custDataLst>
          </p:nvPr>
        </p:nvSpPr>
        <p:spPr>
          <a:xfrm>
            <a:off x="625968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0" name="Rectangle 19" hidden="1">
            <a:extLst>
              <a:ext uri="{FF2B5EF4-FFF2-40B4-BE49-F238E27FC236}">
                <a16:creationId xmlns:a16="http://schemas.microsoft.com/office/drawing/2014/main" id="{24927AA7-44B9-4C67-8096-9690D52CB186}"/>
              </a:ext>
            </a:extLst>
          </p:cNvPr>
          <p:cNvSpPr/>
          <p:nvPr userDrawn="1">
            <p:custDataLst>
              <p:tags r:id="rId42"/>
            </p:custDataLst>
          </p:nvPr>
        </p:nvSpPr>
        <p:spPr>
          <a:xfrm>
            <a:off x="552240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1" name="Rectangle 20" hidden="1">
            <a:extLst>
              <a:ext uri="{FF2B5EF4-FFF2-40B4-BE49-F238E27FC236}">
                <a16:creationId xmlns:a16="http://schemas.microsoft.com/office/drawing/2014/main" id="{A176B067-5048-4314-A1A6-FE7AA857D448}"/>
              </a:ext>
            </a:extLst>
          </p:cNvPr>
          <p:cNvSpPr/>
          <p:nvPr userDrawn="1">
            <p:custDataLst>
              <p:tags r:id="rId43"/>
            </p:custDataLst>
          </p:nvPr>
        </p:nvSpPr>
        <p:spPr>
          <a:xfrm>
            <a:off x="717696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2" name="Rectangle 21" hidden="1">
            <a:extLst>
              <a:ext uri="{FF2B5EF4-FFF2-40B4-BE49-F238E27FC236}">
                <a16:creationId xmlns:a16="http://schemas.microsoft.com/office/drawing/2014/main" id="{6AA30F8A-54E1-476D-BF6D-7DC13772FBFE}"/>
              </a:ext>
            </a:extLst>
          </p:cNvPr>
          <p:cNvSpPr/>
          <p:nvPr userDrawn="1">
            <p:custDataLst>
              <p:tags r:id="rId44"/>
            </p:custDataLst>
          </p:nvPr>
        </p:nvSpPr>
        <p:spPr>
          <a:xfrm>
            <a:off x="643968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3" name="Rectangle 22" hidden="1">
            <a:extLst>
              <a:ext uri="{FF2B5EF4-FFF2-40B4-BE49-F238E27FC236}">
                <a16:creationId xmlns:a16="http://schemas.microsoft.com/office/drawing/2014/main" id="{1B192472-C151-406D-BD2C-CD2B1E0520EC}"/>
              </a:ext>
            </a:extLst>
          </p:cNvPr>
          <p:cNvSpPr/>
          <p:nvPr userDrawn="1">
            <p:custDataLst>
              <p:tags r:id="rId45"/>
            </p:custDataLst>
          </p:nvPr>
        </p:nvSpPr>
        <p:spPr>
          <a:xfrm>
            <a:off x="809424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4" name="Rectangle 23" hidden="1">
            <a:extLst>
              <a:ext uri="{FF2B5EF4-FFF2-40B4-BE49-F238E27FC236}">
                <a16:creationId xmlns:a16="http://schemas.microsoft.com/office/drawing/2014/main" id="{6E3F2810-01DF-40D8-8280-CA93698D103B}"/>
              </a:ext>
            </a:extLst>
          </p:cNvPr>
          <p:cNvSpPr/>
          <p:nvPr userDrawn="1">
            <p:custDataLst>
              <p:tags r:id="rId46"/>
            </p:custDataLst>
          </p:nvPr>
        </p:nvSpPr>
        <p:spPr>
          <a:xfrm>
            <a:off x="735696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5" name="Rectangle 24" hidden="1">
            <a:extLst>
              <a:ext uri="{FF2B5EF4-FFF2-40B4-BE49-F238E27FC236}">
                <a16:creationId xmlns:a16="http://schemas.microsoft.com/office/drawing/2014/main" id="{F55EE894-39ED-4B4D-9CB1-15C330169290}"/>
              </a:ext>
            </a:extLst>
          </p:cNvPr>
          <p:cNvSpPr/>
          <p:nvPr userDrawn="1">
            <p:custDataLst>
              <p:tags r:id="rId47"/>
            </p:custDataLst>
          </p:nvPr>
        </p:nvSpPr>
        <p:spPr>
          <a:xfrm>
            <a:off x="901152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6" name="Rectangle 25" hidden="1">
            <a:extLst>
              <a:ext uri="{FF2B5EF4-FFF2-40B4-BE49-F238E27FC236}">
                <a16:creationId xmlns:a16="http://schemas.microsoft.com/office/drawing/2014/main" id="{E35E7390-5067-4804-9F0E-54C0A6CC568A}"/>
              </a:ext>
            </a:extLst>
          </p:cNvPr>
          <p:cNvSpPr/>
          <p:nvPr userDrawn="1">
            <p:custDataLst>
              <p:tags r:id="rId48"/>
            </p:custDataLst>
          </p:nvPr>
        </p:nvSpPr>
        <p:spPr>
          <a:xfrm>
            <a:off x="827424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7" name="Rectangle 26" hidden="1">
            <a:extLst>
              <a:ext uri="{FF2B5EF4-FFF2-40B4-BE49-F238E27FC236}">
                <a16:creationId xmlns:a16="http://schemas.microsoft.com/office/drawing/2014/main" id="{409673BF-A8A4-4B6D-BF7E-DF8E440CF229}"/>
              </a:ext>
            </a:extLst>
          </p:cNvPr>
          <p:cNvSpPr/>
          <p:nvPr userDrawn="1">
            <p:custDataLst>
              <p:tags r:id="rId49"/>
            </p:custDataLst>
          </p:nvPr>
        </p:nvSpPr>
        <p:spPr>
          <a:xfrm>
            <a:off x="992880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8" name="Rectangle 27" hidden="1">
            <a:extLst>
              <a:ext uri="{FF2B5EF4-FFF2-40B4-BE49-F238E27FC236}">
                <a16:creationId xmlns:a16="http://schemas.microsoft.com/office/drawing/2014/main" id="{643588AC-DDF6-4F4A-989C-BEEC90618F89}"/>
              </a:ext>
            </a:extLst>
          </p:cNvPr>
          <p:cNvSpPr/>
          <p:nvPr userDrawn="1">
            <p:custDataLst>
              <p:tags r:id="rId50"/>
            </p:custDataLst>
          </p:nvPr>
        </p:nvSpPr>
        <p:spPr>
          <a:xfrm>
            <a:off x="919152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9" name="Rectangle 28" hidden="1">
            <a:extLst>
              <a:ext uri="{FF2B5EF4-FFF2-40B4-BE49-F238E27FC236}">
                <a16:creationId xmlns:a16="http://schemas.microsoft.com/office/drawing/2014/main" id="{B79AE0AF-B42D-4AC0-AC0B-E1541ADC5CFA}"/>
              </a:ext>
            </a:extLst>
          </p:cNvPr>
          <p:cNvSpPr/>
          <p:nvPr userDrawn="1">
            <p:custDataLst>
              <p:tags r:id="rId51"/>
            </p:custDataLst>
          </p:nvPr>
        </p:nvSpPr>
        <p:spPr>
          <a:xfrm>
            <a:off x="1084608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30" name="Rectangle 29" hidden="1">
            <a:extLst>
              <a:ext uri="{FF2B5EF4-FFF2-40B4-BE49-F238E27FC236}">
                <a16:creationId xmlns:a16="http://schemas.microsoft.com/office/drawing/2014/main" id="{AA54577D-3045-40AE-B2B6-F01933F54480}"/>
              </a:ext>
            </a:extLst>
          </p:cNvPr>
          <p:cNvSpPr/>
          <p:nvPr userDrawn="1">
            <p:custDataLst>
              <p:tags r:id="rId52"/>
            </p:custDataLst>
          </p:nvPr>
        </p:nvSpPr>
        <p:spPr>
          <a:xfrm>
            <a:off x="1010880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31" name="Rectangle 30" hidden="1">
            <a:extLst>
              <a:ext uri="{FF2B5EF4-FFF2-40B4-BE49-F238E27FC236}">
                <a16:creationId xmlns:a16="http://schemas.microsoft.com/office/drawing/2014/main" id="{CF4C4D32-13FF-4D01-ACB2-C6982BCF30B2}"/>
              </a:ext>
            </a:extLst>
          </p:cNvPr>
          <p:cNvSpPr/>
          <p:nvPr userDrawn="1">
            <p:custDataLst>
              <p:tags r:id="rId53"/>
            </p:custDataLst>
          </p:nvPr>
        </p:nvSpPr>
        <p:spPr>
          <a:xfrm>
            <a:off x="11026080" y="1944000"/>
            <a:ext cx="73512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pic>
        <p:nvPicPr>
          <p:cNvPr id="33" name="image" descr="{&quot;templafy&quot;:{&quot;type&quot;:&quot;image&quot;,&quot;binding&quot;:&quot;Form.Brand.LogoPos&quot;,&quot;height&quot;:&quot;2.0 cm&quot;,&quot;width&quot;:&quot;7.91 cm&quot;}}" title="Form.Brand.LogoPos">
            <a:extLst>
              <a:ext uri="{FF2B5EF4-FFF2-40B4-BE49-F238E27FC236}">
                <a16:creationId xmlns:a16="http://schemas.microsoft.com/office/drawing/2014/main" id="{121F824F-ABD6-2147-B6AB-9395F7CE9755}"/>
              </a:ext>
            </a:extLst>
          </p:cNvPr>
          <p:cNvPicPr>
            <a:picLocks noChangeAspect="1"/>
          </p:cNvPicPr>
          <p:nvPr userDrawn="1"/>
        </p:nvPicPr>
        <p:blipFill>
          <a:blip r:embed="rId5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1423" y="5748010"/>
            <a:ext cx="2848696" cy="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43" r:id="rId2"/>
    <p:sldLayoutId id="2147483751" r:id="rId3"/>
    <p:sldLayoutId id="2147483750" r:id="rId4"/>
    <p:sldLayoutId id="2147483766" r:id="rId5"/>
    <p:sldLayoutId id="2147483771" r:id="rId6"/>
    <p:sldLayoutId id="2147483721" r:id="rId7"/>
    <p:sldLayoutId id="2147483652" r:id="rId8"/>
    <p:sldLayoutId id="2147483742" r:id="rId9"/>
    <p:sldLayoutId id="2147483732" r:id="rId10"/>
    <p:sldLayoutId id="2147483731" r:id="rId11"/>
    <p:sldLayoutId id="2147483769" r:id="rId12"/>
    <p:sldLayoutId id="2147483653" r:id="rId13"/>
    <p:sldLayoutId id="2147483754" r:id="rId14"/>
    <p:sldLayoutId id="2147483765" r:id="rId15"/>
    <p:sldLayoutId id="2147483752" r:id="rId16"/>
    <p:sldLayoutId id="2147483729" r:id="rId17"/>
    <p:sldLayoutId id="2147483654" r:id="rId18"/>
    <p:sldLayoutId id="2147483655" r:id="rId19"/>
    <p:sldLayoutId id="2147483757" r:id="rId20"/>
    <p:sldLayoutId id="2147483722" r:id="rId21"/>
    <p:sldLayoutId id="2147483768" r:id="rId22"/>
    <p:sldLayoutId id="2147483761" r:id="rId23"/>
    <p:sldLayoutId id="2147483747" r:id="rId24"/>
    <p:sldLayoutId id="2147483763" r:id="rId25"/>
    <p:sldLayoutId id="2147483758" r:id="rId26"/>
    <p:sldLayoutId id="2147483767" r:id="rId27"/>
    <p:sldLayoutId id="2147483770" r:id="rId28"/>
  </p:sldLayoutIdLst>
  <p:hf sldNum="0" hdr="0" ftr="0"/>
  <p:txStyles>
    <p:titleStyle>
      <a:lvl1pPr algn="l" defTabSz="914400" rtl="0" eaLnBrk="1" latinLnBrk="0" hangingPunct="1">
        <a:lnSpc>
          <a:spcPct val="92000"/>
        </a:lnSpc>
        <a:spcBef>
          <a:spcPct val="0"/>
        </a:spcBef>
        <a:buNone/>
        <a:defRPr sz="3600" kern="1200">
          <a:solidFill>
            <a:schemeClr val="accent3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101000"/>
        </a:lnSpc>
        <a:spcBef>
          <a:spcPts val="800"/>
        </a:spcBef>
        <a:spcAft>
          <a:spcPts val="400"/>
        </a:spcAft>
        <a:buClr>
          <a:schemeClr val="accent1"/>
        </a:buClr>
        <a:buFont typeface="Arial" panose="020B0604020202020204" pitchFamily="34" charset="0"/>
        <a:buChar char="•"/>
        <a:defRPr lang="en-US" sz="1800" kern="1200" noProof="0" dirty="0">
          <a:solidFill>
            <a:schemeClr val="accent3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1000"/>
        </a:lnSpc>
        <a:spcBef>
          <a:spcPts val="800"/>
        </a:spcBef>
        <a:spcAft>
          <a:spcPts val="400"/>
        </a:spcAft>
        <a:buClr>
          <a:schemeClr val="accent1"/>
        </a:buClr>
        <a:buFont typeface="Arial" panose="020B0604020202020204" pitchFamily="34" charset="0"/>
        <a:buChar char="‒"/>
        <a:defRPr sz="1800" kern="1200">
          <a:solidFill>
            <a:schemeClr val="accent3"/>
          </a:solidFill>
          <a:latin typeface="+mn-lt"/>
          <a:ea typeface="+mn-ea"/>
          <a:cs typeface="+mn-cs"/>
        </a:defRPr>
      </a:lvl2pPr>
      <a:lvl3pPr marL="789750" marR="0" indent="-252000" algn="l" defTabSz="914400" rtl="0" eaLnBrk="1" fontAlgn="auto" latinLnBrk="0" hangingPunct="1">
        <a:lnSpc>
          <a:spcPct val="101000"/>
        </a:lnSpc>
        <a:spcBef>
          <a:spcPts val="800"/>
        </a:spcBef>
        <a:spcAft>
          <a:spcPts val="400"/>
        </a:spcAft>
        <a:buClr>
          <a:schemeClr val="accent1"/>
        </a:buClr>
        <a:buSzTx/>
        <a:buFont typeface="System Font Regular"/>
        <a:buChar char="–"/>
        <a:tabLst/>
        <a:defRPr sz="1800" kern="1200">
          <a:solidFill>
            <a:schemeClr val="accent3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1000"/>
        </a:lnSpc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2000" b="1" i="0" kern="1200">
          <a:solidFill>
            <a:schemeClr val="accent1"/>
          </a:solidFill>
          <a:latin typeface="+mn-lt"/>
          <a:ea typeface="+mn-ea"/>
          <a:cs typeface="+mn-cs"/>
        </a:defRPr>
      </a:lvl4pPr>
      <a:lvl5pPr marL="0" marR="0" indent="0" algn="l" defTabSz="914400" rtl="0" eaLnBrk="1" fontAlgn="auto" latinLnBrk="0" hangingPunct="1">
        <a:lnSpc>
          <a:spcPct val="101000"/>
        </a:lnSpc>
        <a:spcBef>
          <a:spcPts val="0"/>
        </a:spcBef>
        <a:spcAft>
          <a:spcPts val="0"/>
        </a:spcAft>
        <a:buClr>
          <a:schemeClr val="tx2"/>
        </a:buClr>
        <a:buSzTx/>
        <a:buFont typeface="Arial" panose="020B0604020202020204" pitchFamily="34" charset="0"/>
        <a:buChar char="​"/>
        <a:tabLst/>
        <a:defRPr sz="1800" b="1" kern="1200">
          <a:solidFill>
            <a:schemeClr val="accent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1600" b="0" kern="1200">
          <a:solidFill>
            <a:schemeClr val="accent3"/>
          </a:solidFill>
          <a:latin typeface="+mn-lt"/>
          <a:ea typeface="+mn-ea"/>
          <a:cs typeface="Arial" panose="020B0604020202020204" pitchFamily="34" charset="0"/>
        </a:defRPr>
      </a:lvl6pPr>
      <a:lvl7pPr marL="0" indent="0" algn="l" defTabSz="914400" rtl="0" eaLnBrk="1" latinLnBrk="0" hangingPunct="1">
        <a:lnSpc>
          <a:spcPct val="101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1400" kern="1200" baseline="0">
          <a:solidFill>
            <a:schemeClr val="accent3"/>
          </a:solidFill>
          <a:latin typeface="+mn-lt"/>
          <a:ea typeface="+mn-ea"/>
          <a:cs typeface="+mn-cs"/>
        </a:defRPr>
      </a:lvl7pPr>
      <a:lvl8pPr marL="284400" indent="-284400" algn="l" defTabSz="914400" rtl="0" eaLnBrk="1" latinLnBrk="0" hangingPunct="1">
        <a:lnSpc>
          <a:spcPct val="101000"/>
        </a:lnSpc>
        <a:spcBef>
          <a:spcPts val="800"/>
        </a:spcBef>
        <a:spcAft>
          <a:spcPts val="400"/>
        </a:spcAft>
        <a:buClr>
          <a:schemeClr val="accent1"/>
        </a:buClr>
        <a:buFont typeface="Wingdings 3" panose="05040102010807070707" pitchFamily="18" charset="2"/>
        <a:buChar char=""/>
        <a:defRPr sz="1800" kern="1200">
          <a:solidFill>
            <a:schemeClr val="accent3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1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4800" kern="1200" baseline="0">
          <a:solidFill>
            <a:schemeClr val="accent3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885" userDrawn="1">
          <p15:clr>
            <a:srgbClr val="F26B43"/>
          </p15:clr>
        </p15:guide>
        <p15:guide id="3" pos="4061" userDrawn="1">
          <p15:clr>
            <a:srgbClr val="F26B43"/>
          </p15:clr>
        </p15:guide>
        <p15:guide id="8" pos="5653" userDrawn="1">
          <p15:clr>
            <a:srgbClr val="F26B43"/>
          </p15:clr>
        </p15:guide>
        <p15:guide id="9" pos="5806" userDrawn="1">
          <p15:clr>
            <a:srgbClr val="F26B43"/>
          </p15:clr>
        </p15:guide>
        <p15:guide id="14" pos="7400" userDrawn="1">
          <p15:clr>
            <a:srgbClr val="F26B43"/>
          </p15:clr>
        </p15:guide>
        <p15:guide id="19" pos="2315" userDrawn="1">
          <p15:clr>
            <a:srgbClr val="F26B43"/>
          </p15:clr>
        </p15:guide>
        <p15:guide id="20" pos="2157" userDrawn="1">
          <p15:clr>
            <a:srgbClr val="F26B43"/>
          </p15:clr>
        </p15:guide>
        <p15:guide id="25" pos="574" userDrawn="1">
          <p15:clr>
            <a:srgbClr val="F26B43"/>
          </p15:clr>
        </p15:guide>
        <p15:guide id="26" orient="horz" pos="391" userDrawn="1">
          <p15:clr>
            <a:srgbClr val="F26B43"/>
          </p15:clr>
        </p15:guide>
        <p15:guide id="27" orient="horz" pos="3747" userDrawn="1">
          <p15:clr>
            <a:srgbClr val="F26B43"/>
          </p15:clr>
        </p15:guide>
        <p15:guide id="30" orient="horz" pos="2160" userDrawn="1">
          <p15:clr>
            <a:srgbClr val="F26B43"/>
          </p15:clr>
        </p15:guide>
        <p15:guide id="33" orient="horz" pos="1223" userDrawn="1">
          <p15:clr>
            <a:srgbClr val="F26B43"/>
          </p15:clr>
        </p15:guide>
        <p15:guide id="34" orient="horz" pos="4065" userDrawn="1">
          <p15:clr>
            <a:srgbClr val="F26B43"/>
          </p15:clr>
        </p15:guide>
        <p15:guide id="35" orient="horz" pos="958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11224" y="606426"/>
            <a:ext cx="10848895" cy="9143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11225" y="1520827"/>
            <a:ext cx="10848894" cy="442753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  <a:endParaRPr lang="en-GB"/>
          </a:p>
          <a:p>
            <a:pPr lvl="1"/>
            <a:r>
              <a:rPr lang="en-GB" noProof="0" dirty="0"/>
              <a:t>Level 2</a:t>
            </a:r>
            <a:endParaRPr lang="en-GB"/>
          </a:p>
          <a:p>
            <a:pPr lvl="2"/>
            <a:r>
              <a:rPr lang="en-GB" noProof="0" dirty="0"/>
              <a:t>Level 3</a:t>
            </a:r>
            <a:endParaRPr lang="en-GB"/>
          </a:p>
          <a:p>
            <a:pPr lvl="3"/>
            <a:r>
              <a:rPr lang="en-GB" noProof="0" dirty="0"/>
              <a:t>Level 4</a:t>
            </a:r>
            <a:endParaRPr lang="en-GB"/>
          </a:p>
          <a:p>
            <a:pPr lvl="4"/>
            <a:r>
              <a:rPr lang="en-GB" noProof="0" dirty="0"/>
              <a:t>Level 5</a:t>
            </a:r>
            <a:endParaRPr lang="en-GB"/>
          </a:p>
          <a:p>
            <a:pPr lvl="5"/>
            <a:r>
              <a:rPr lang="en-GB" noProof="0" dirty="0"/>
              <a:t>Level 6</a:t>
            </a:r>
            <a:endParaRPr lang="en-GB"/>
          </a:p>
          <a:p>
            <a:pPr lvl="6"/>
            <a:r>
              <a:rPr lang="en-GB" noProof="0" dirty="0"/>
              <a:t>Level 7</a:t>
            </a:r>
            <a:endParaRPr lang="en-GB"/>
          </a:p>
          <a:p>
            <a:pPr lvl="7"/>
            <a:r>
              <a:rPr lang="en-GB" noProof="0" dirty="0"/>
              <a:t>Level 8</a:t>
            </a:r>
            <a:endParaRPr lang="en-GB"/>
          </a:p>
          <a:p>
            <a:pPr lvl="8"/>
            <a:r>
              <a:rPr lang="en-GB" noProof="0" dirty="0"/>
              <a:t>Level 9</a:t>
            </a:r>
            <a:endParaRPr lang="en-GB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10800" y="6277560"/>
            <a:ext cx="39492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73.70079&lt;/Left&gt;&#10;      &lt;Top&gt;48.1889763&lt;/Top&gt;&#10;      &lt;Width&gt;852.2929&lt;/Width&gt;&#10;      &lt;Height&gt;104.881889&lt;/Height&gt;&#10;    &lt;/SubGrid&gt;&#10;    &lt;SubGrid&gt;&#10;      &lt;Left&gt;131.754333&lt;/Left&gt;&#10;      &lt;Top&gt;153.070862&lt;/Top&gt;&#10;      &lt;Width&gt;14.1732283&lt;/Width&gt;&#10;      &lt;Height&gt;313.228333&lt;/Height&gt;&#10;    &lt;/SubGrid&gt;&#10;    &lt;SubGrid&gt;&#10;      &lt;Left&gt;73.70079&lt;/Left&gt;&#10;      &lt;Top&gt;153.070862&lt;/Top&gt;&#10;      &lt;Width&gt;58.0535431&lt;/Width&gt;&#10;      &lt;Height&gt;313.228333&lt;/Height&gt;&#10;    &lt;/SubGrid&gt;&#10;    &lt;SubGrid&gt;&#10;      &lt;Left&gt;203.98111&lt;/Left&gt;&#10;      &lt;Top&gt;153.070862&lt;/Top&gt;&#10;      &lt;Width&gt;14.1732283&lt;/Width&gt;&#10;      &lt;Height&gt;313.228333&lt;/Height&gt;&#10;    &lt;/SubGrid&gt;&#10;    &lt;SubGrid&gt;&#10;      &lt;Left&gt;145.927567&lt;/Left&gt;&#10;      &lt;Top&gt;153.070862&lt;/Top&gt;&#10;      &lt;Width&gt;58.0535431&lt;/Width&gt;&#10;      &lt;Height&gt;313.228333&lt;/Height&gt;&#10;    &lt;/SubGrid&gt;&#10;    &lt;SubGrid&gt;&#10;      &lt;Left&gt;276.2079&lt;/Left&gt;&#10;      &lt;Top&gt;153.070862&lt;/Top&gt;&#10;      &lt;Width&gt;14.1732283&lt;/Width&gt;&#10;      &lt;Height&gt;313.228333&lt;/Height&gt;&#10;    &lt;/SubGrid&gt;&#10;    &lt;SubGrid&gt;&#10;      &lt;Left&gt;218.154327&lt;/Left&gt;&#10;      &lt;Top&gt;153.070862&lt;/Top&gt;&#10;      &lt;Width&gt;58.0535431&lt;/Width&gt;&#10;      &lt;Height&gt;313.228333&lt;/Height&gt;&#10;    &lt;/SubGrid&gt;&#10;    &lt;SubGrid&gt;&#10;      &lt;Left&gt;348.434631&lt;/Left&gt;&#10;      &lt;Top&gt;153.070862&lt;/Top&gt;&#10;      &lt;Width&gt;14.1732283&lt;/Width&gt;&#10;      &lt;Height&gt;313.228333&lt;/Height&gt;&#10;    &lt;/SubGrid&gt;&#10;    &lt;SubGrid&gt;&#10;      &lt;Left&gt;290.3811&lt;/Left&gt;&#10;      &lt;Top&gt;153.070862&lt;/Top&gt;&#10;      &lt;Width&gt;58.0535431&lt;/Width&gt;&#10;      &lt;Height&gt;313.228333&lt;/Height&gt;&#10;    &lt;/SubGrid&gt;&#10;    &lt;SubGrid&gt;&#10;      &lt;Left&gt;420.6614&lt;/Left&gt;&#10;      &lt;Top&gt;153.070862&lt;/Top&gt;&#10;      &lt;Width&gt;14.1732283&lt;/Width&gt;&#10;      &lt;Height&gt;313.228333&lt;/Height&gt;&#10;    &lt;/SubGrid&gt;&#10;    &lt;SubGrid&gt;&#10;      &lt;Left&gt;362.60788&lt;/Left&gt;&#10;      &lt;Top&gt;153.070862&lt;/Top&gt;&#10;      &lt;Width&gt;58.0535431&lt;/Width&gt;&#10;      &lt;Height&gt;313.228333&lt;/Height&gt;&#10;    &lt;/SubGrid&gt;&#10;    &lt;SubGrid&gt;&#10;      &lt;Left&gt;492.888184&lt;/Left&gt;&#10;      &lt;Top&gt;153.070862&lt;/Top&gt;&#10;      &lt;Width&gt;14.1732283&lt;/Width&gt;&#10;      &lt;Height&gt;313.228333&lt;/Height&gt;&#10;    &lt;/SubGrid&gt;&#10;    &lt;SubGrid&gt;&#10;      &lt;Left&gt;434.834656&lt;/Left&gt;&#10;      &lt;Top&gt;153.070862&lt;/Top&gt;&#10;      &lt;Width&gt;58.0535431&lt;/Width&gt;&#10;      &lt;Height&gt;313.228333&lt;/Height&gt;&#10;    &lt;/SubGrid&gt;&#10;    &lt;SubGrid&gt;&#10;      &lt;Left&gt;565.115&lt;/Left&gt;&#10;      &lt;Top&gt;153.070862&lt;/Top&gt;&#10;      &lt;Width&gt;14.1732283&lt;/Width&gt;&#10;      &lt;Height&gt;313.228333&lt;/Height&gt;&#10;    &lt;/SubGrid&gt;&#10;    &lt;SubGrid&gt;&#10;      &lt;Left&gt;507.061432&lt;/Left&gt;&#10;      &lt;Top&gt;153.070862&lt;/Top&gt;&#10;      &lt;Width&gt;58.0535431&lt;/Width&gt;&#10;      &lt;Height&gt;313.228333&lt;/Height&gt;&#10;    &lt;/SubGrid&gt;&#10;    &lt;SubGrid&gt;&#10;      &lt;Left&gt;637.341736&lt;/Left&gt;&#10;      &lt;Top&gt;153.070862&lt;/Top&gt;&#10;      &lt;Width&gt;14.1732283&lt;/Width&gt;&#10;      &lt;Height&gt;313.228333&lt;/Height&gt;&#10;    &lt;/SubGrid&gt;&#10;    &lt;SubGrid&gt;&#10;      &lt;Left&gt;579.2882&lt;/Left&gt;&#10;      &lt;Top&gt;153.070862&lt;/Top&gt;&#10;      &lt;Width&gt;58.0535431&lt;/Width&gt;&#10;      &lt;Height&gt;313.228333&lt;/Height&gt;&#10;    &lt;/SubGrid&gt;&#10;    &lt;SubGrid&gt;&#10;      &lt;Left&gt;709.5685&lt;/Left&gt;&#10;      &lt;Top&gt;153.070862&lt;/Top&gt;&#10;      &lt;Width&gt;14.1732283&lt;/Width&gt;&#10;      &lt;Height&gt;313.228333&lt;/Height&gt;&#10;    &lt;/SubGrid&gt;&#10;    &lt;SubGrid&gt;&#10;      &lt;Left&gt;651.514954&lt;/Left&gt;&#10;      &lt;Top&gt;153.070862&lt;/Top&gt;&#10;      &lt;Width&gt;58.0535431&lt;/Width&gt;&#10;      &lt;Height&gt;313.228333&lt;/Height&gt;&#10;    &lt;/SubGrid&gt;&#10;    &lt;SubGrid&gt;&#10;      &lt;Left&gt;781.7953&lt;/Left&gt;&#10;      &lt;Top&gt;153.070862&lt;/Top&gt;&#10;      &lt;Width&gt;14.1732283&lt;/Width&gt;&#10;      &lt;Height&gt;313.228333&lt;/Height&gt;&#10;    &lt;/SubGrid&gt;&#10;    &lt;SubGrid&gt;&#10;      &lt;Left&gt;723.74176&lt;/Left&gt;&#10;      &lt;Top&gt;153.070862&lt;/Top&gt;&#10;      &lt;Width&gt;58.0535431&lt;/Width&gt;&#10;      &lt;Height&gt;313.228333&lt;/Height&gt;&#10;    &lt;/SubGrid&gt;&#10;    &lt;SubGrid&gt;&#10;      &lt;Left&gt;854.022034&lt;/Left&gt;&#10;      &lt;Top&gt;153.070862&lt;/Top&gt;&#10;      &lt;Width&gt;14.1732283&lt;/Width&gt;&#10;      &lt;Height&gt;313.228333&lt;/Height&gt;&#10;    &lt;/SubGrid&gt;&#10;    &lt;SubGrid&gt;&#10;      &lt;Left&gt;795.9685&lt;/Left&gt;&#10;      &lt;Top&gt;153.070862&lt;/Top&gt;&#10;      &lt;Width&gt;58.0535431&lt;/Width&gt;&#10;      &lt;Height&gt;313.228333&lt;/Height&gt;&#10;    &lt;/SubGrid&gt;&#10;    &lt;SubGrid&gt;&#10;      &lt;Left&gt;868.195251&lt;/Left&gt;&#10;      &lt;Top&gt;153.070862&lt;/Top&gt;&#10;      &lt;Width&gt;57.8834839&lt;/Width&gt;&#10;      &lt;Height&gt;313.228333&lt;/Height&gt;&#10;    &lt;/SubGrid&gt;&#10;  &lt;/SubGrids&gt;&#10;  &lt;WorkArea&gt;&#10;    &lt;Top&gt;48.1889763&lt;/Top&gt;&#10;    &lt;Left&gt;73.70079&lt;/Left&gt;&#10;    &lt;Width&gt;852.3779&lt;/Width&gt;&#10;    &lt;Height&gt;418.110229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0&lt;/OfficeVersion&gt;&#10;&lt;/GridTheme&gt;" hidden="1">
            <a:extLst>
              <a:ext uri="{FF2B5EF4-FFF2-40B4-BE49-F238E27FC236}">
                <a16:creationId xmlns:a16="http://schemas.microsoft.com/office/drawing/2014/main" id="{B42FB6EC-EE12-44EA-AA91-D66CE2AD6E94}"/>
              </a:ext>
            </a:extLst>
          </p:cNvPr>
          <p:cNvSpPr/>
          <p:nvPr userDrawn="1"/>
        </p:nvSpPr>
        <p:spPr>
          <a:xfrm>
            <a:off x="936000" y="612000"/>
            <a:ext cx="10825200" cy="5310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" name="Rectangle 7" hidden="1">
            <a:extLst>
              <a:ext uri="{FF2B5EF4-FFF2-40B4-BE49-F238E27FC236}">
                <a16:creationId xmlns:a16="http://schemas.microsoft.com/office/drawing/2014/main" id="{83300BD7-255C-4326-A003-A4F73B2D3401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936000" y="612000"/>
            <a:ext cx="10824120" cy="1332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9" name="Rectangle 8" hidden="1">
            <a:extLst>
              <a:ext uri="{FF2B5EF4-FFF2-40B4-BE49-F238E27FC236}">
                <a16:creationId xmlns:a16="http://schemas.microsoft.com/office/drawing/2014/main" id="{FE49DD27-6F8D-4DC9-A119-7627B6B32784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167328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1F82F2C9-A4C0-4BCA-9993-2264570A4F83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93600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481DC250-7060-41ED-BD8E-7EA0D9ED72AF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259056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2" name="Rectangle 11" hidden="1">
            <a:extLst>
              <a:ext uri="{FF2B5EF4-FFF2-40B4-BE49-F238E27FC236}">
                <a16:creationId xmlns:a16="http://schemas.microsoft.com/office/drawing/2014/main" id="{7D558E1E-6500-4E68-BDC6-A4E37D69AF04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185328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3" name="Rectangle 12" hidden="1">
            <a:extLst>
              <a:ext uri="{FF2B5EF4-FFF2-40B4-BE49-F238E27FC236}">
                <a16:creationId xmlns:a16="http://schemas.microsoft.com/office/drawing/2014/main" id="{13918A0B-B749-4249-A69C-3C2BA1D6E12C}"/>
              </a:ext>
            </a:extLst>
          </p:cNvPr>
          <p:cNvSpPr/>
          <p:nvPr userDrawn="1">
            <p:custDataLst>
              <p:tags r:id="rId35"/>
            </p:custDataLst>
          </p:nvPr>
        </p:nvSpPr>
        <p:spPr>
          <a:xfrm>
            <a:off x="350784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4" name="Rectangle 13" hidden="1">
            <a:extLst>
              <a:ext uri="{FF2B5EF4-FFF2-40B4-BE49-F238E27FC236}">
                <a16:creationId xmlns:a16="http://schemas.microsoft.com/office/drawing/2014/main" id="{26153917-7632-4776-852F-86EF091AAB23}"/>
              </a:ext>
            </a:extLst>
          </p:cNvPr>
          <p:cNvSpPr/>
          <p:nvPr userDrawn="1">
            <p:custDataLst>
              <p:tags r:id="rId36"/>
            </p:custDataLst>
          </p:nvPr>
        </p:nvSpPr>
        <p:spPr>
          <a:xfrm>
            <a:off x="277056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5" name="Rectangle 14" hidden="1">
            <a:extLst>
              <a:ext uri="{FF2B5EF4-FFF2-40B4-BE49-F238E27FC236}">
                <a16:creationId xmlns:a16="http://schemas.microsoft.com/office/drawing/2014/main" id="{99D47587-B603-4942-B689-616E38A08FD1}"/>
              </a:ext>
            </a:extLst>
          </p:cNvPr>
          <p:cNvSpPr/>
          <p:nvPr userDrawn="1">
            <p:custDataLst>
              <p:tags r:id="rId37"/>
            </p:custDataLst>
          </p:nvPr>
        </p:nvSpPr>
        <p:spPr>
          <a:xfrm>
            <a:off x="442512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6" name="Rectangle 15" hidden="1">
            <a:extLst>
              <a:ext uri="{FF2B5EF4-FFF2-40B4-BE49-F238E27FC236}">
                <a16:creationId xmlns:a16="http://schemas.microsoft.com/office/drawing/2014/main" id="{B78480A4-F650-4EF8-AA15-3267EA84D04F}"/>
              </a:ext>
            </a:extLst>
          </p:cNvPr>
          <p:cNvSpPr/>
          <p:nvPr userDrawn="1">
            <p:custDataLst>
              <p:tags r:id="rId38"/>
            </p:custDataLst>
          </p:nvPr>
        </p:nvSpPr>
        <p:spPr>
          <a:xfrm>
            <a:off x="368784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7" name="Rectangle 16" hidden="1">
            <a:extLst>
              <a:ext uri="{FF2B5EF4-FFF2-40B4-BE49-F238E27FC236}">
                <a16:creationId xmlns:a16="http://schemas.microsoft.com/office/drawing/2014/main" id="{80BD21CD-3678-454D-8823-01F42B7B81D4}"/>
              </a:ext>
            </a:extLst>
          </p:cNvPr>
          <p:cNvSpPr/>
          <p:nvPr userDrawn="1">
            <p:custDataLst>
              <p:tags r:id="rId39"/>
            </p:custDataLst>
          </p:nvPr>
        </p:nvSpPr>
        <p:spPr>
          <a:xfrm>
            <a:off x="534240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8" name="Rectangle 17" hidden="1">
            <a:extLst>
              <a:ext uri="{FF2B5EF4-FFF2-40B4-BE49-F238E27FC236}">
                <a16:creationId xmlns:a16="http://schemas.microsoft.com/office/drawing/2014/main" id="{D40AA0D4-C8F0-4726-9E30-565FB978800A}"/>
              </a:ext>
            </a:extLst>
          </p:cNvPr>
          <p:cNvSpPr/>
          <p:nvPr userDrawn="1">
            <p:custDataLst>
              <p:tags r:id="rId40"/>
            </p:custDataLst>
          </p:nvPr>
        </p:nvSpPr>
        <p:spPr>
          <a:xfrm>
            <a:off x="460512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9" name="Rectangle 18" hidden="1">
            <a:extLst>
              <a:ext uri="{FF2B5EF4-FFF2-40B4-BE49-F238E27FC236}">
                <a16:creationId xmlns:a16="http://schemas.microsoft.com/office/drawing/2014/main" id="{79298ECA-0199-421B-942F-C42D36FC8CCC}"/>
              </a:ext>
            </a:extLst>
          </p:cNvPr>
          <p:cNvSpPr/>
          <p:nvPr userDrawn="1">
            <p:custDataLst>
              <p:tags r:id="rId41"/>
            </p:custDataLst>
          </p:nvPr>
        </p:nvSpPr>
        <p:spPr>
          <a:xfrm>
            <a:off x="625968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0" name="Rectangle 19" hidden="1">
            <a:extLst>
              <a:ext uri="{FF2B5EF4-FFF2-40B4-BE49-F238E27FC236}">
                <a16:creationId xmlns:a16="http://schemas.microsoft.com/office/drawing/2014/main" id="{24927AA7-44B9-4C67-8096-9690D52CB186}"/>
              </a:ext>
            </a:extLst>
          </p:cNvPr>
          <p:cNvSpPr/>
          <p:nvPr userDrawn="1">
            <p:custDataLst>
              <p:tags r:id="rId42"/>
            </p:custDataLst>
          </p:nvPr>
        </p:nvSpPr>
        <p:spPr>
          <a:xfrm>
            <a:off x="552240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1" name="Rectangle 20" hidden="1">
            <a:extLst>
              <a:ext uri="{FF2B5EF4-FFF2-40B4-BE49-F238E27FC236}">
                <a16:creationId xmlns:a16="http://schemas.microsoft.com/office/drawing/2014/main" id="{A176B067-5048-4314-A1A6-FE7AA857D448}"/>
              </a:ext>
            </a:extLst>
          </p:cNvPr>
          <p:cNvSpPr/>
          <p:nvPr userDrawn="1">
            <p:custDataLst>
              <p:tags r:id="rId43"/>
            </p:custDataLst>
          </p:nvPr>
        </p:nvSpPr>
        <p:spPr>
          <a:xfrm>
            <a:off x="717696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2" name="Rectangle 21" hidden="1">
            <a:extLst>
              <a:ext uri="{FF2B5EF4-FFF2-40B4-BE49-F238E27FC236}">
                <a16:creationId xmlns:a16="http://schemas.microsoft.com/office/drawing/2014/main" id="{6AA30F8A-54E1-476D-BF6D-7DC13772FBFE}"/>
              </a:ext>
            </a:extLst>
          </p:cNvPr>
          <p:cNvSpPr/>
          <p:nvPr userDrawn="1">
            <p:custDataLst>
              <p:tags r:id="rId44"/>
            </p:custDataLst>
          </p:nvPr>
        </p:nvSpPr>
        <p:spPr>
          <a:xfrm>
            <a:off x="643968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3" name="Rectangle 22" hidden="1">
            <a:extLst>
              <a:ext uri="{FF2B5EF4-FFF2-40B4-BE49-F238E27FC236}">
                <a16:creationId xmlns:a16="http://schemas.microsoft.com/office/drawing/2014/main" id="{1B192472-C151-406D-BD2C-CD2B1E0520EC}"/>
              </a:ext>
            </a:extLst>
          </p:cNvPr>
          <p:cNvSpPr/>
          <p:nvPr userDrawn="1">
            <p:custDataLst>
              <p:tags r:id="rId45"/>
            </p:custDataLst>
          </p:nvPr>
        </p:nvSpPr>
        <p:spPr>
          <a:xfrm>
            <a:off x="809424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4" name="Rectangle 23" hidden="1">
            <a:extLst>
              <a:ext uri="{FF2B5EF4-FFF2-40B4-BE49-F238E27FC236}">
                <a16:creationId xmlns:a16="http://schemas.microsoft.com/office/drawing/2014/main" id="{6E3F2810-01DF-40D8-8280-CA93698D103B}"/>
              </a:ext>
            </a:extLst>
          </p:cNvPr>
          <p:cNvSpPr/>
          <p:nvPr userDrawn="1">
            <p:custDataLst>
              <p:tags r:id="rId46"/>
            </p:custDataLst>
          </p:nvPr>
        </p:nvSpPr>
        <p:spPr>
          <a:xfrm>
            <a:off x="735696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5" name="Rectangle 24" hidden="1">
            <a:extLst>
              <a:ext uri="{FF2B5EF4-FFF2-40B4-BE49-F238E27FC236}">
                <a16:creationId xmlns:a16="http://schemas.microsoft.com/office/drawing/2014/main" id="{F55EE894-39ED-4B4D-9CB1-15C330169290}"/>
              </a:ext>
            </a:extLst>
          </p:cNvPr>
          <p:cNvSpPr/>
          <p:nvPr userDrawn="1">
            <p:custDataLst>
              <p:tags r:id="rId47"/>
            </p:custDataLst>
          </p:nvPr>
        </p:nvSpPr>
        <p:spPr>
          <a:xfrm>
            <a:off x="901152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6" name="Rectangle 25" hidden="1">
            <a:extLst>
              <a:ext uri="{FF2B5EF4-FFF2-40B4-BE49-F238E27FC236}">
                <a16:creationId xmlns:a16="http://schemas.microsoft.com/office/drawing/2014/main" id="{E35E7390-5067-4804-9F0E-54C0A6CC568A}"/>
              </a:ext>
            </a:extLst>
          </p:cNvPr>
          <p:cNvSpPr/>
          <p:nvPr userDrawn="1">
            <p:custDataLst>
              <p:tags r:id="rId48"/>
            </p:custDataLst>
          </p:nvPr>
        </p:nvSpPr>
        <p:spPr>
          <a:xfrm>
            <a:off x="827424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7" name="Rectangle 26" hidden="1">
            <a:extLst>
              <a:ext uri="{FF2B5EF4-FFF2-40B4-BE49-F238E27FC236}">
                <a16:creationId xmlns:a16="http://schemas.microsoft.com/office/drawing/2014/main" id="{409673BF-A8A4-4B6D-BF7E-DF8E440CF229}"/>
              </a:ext>
            </a:extLst>
          </p:cNvPr>
          <p:cNvSpPr/>
          <p:nvPr userDrawn="1">
            <p:custDataLst>
              <p:tags r:id="rId49"/>
            </p:custDataLst>
          </p:nvPr>
        </p:nvSpPr>
        <p:spPr>
          <a:xfrm>
            <a:off x="992880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8" name="Rectangle 27" hidden="1">
            <a:extLst>
              <a:ext uri="{FF2B5EF4-FFF2-40B4-BE49-F238E27FC236}">
                <a16:creationId xmlns:a16="http://schemas.microsoft.com/office/drawing/2014/main" id="{643588AC-DDF6-4F4A-989C-BEEC90618F89}"/>
              </a:ext>
            </a:extLst>
          </p:cNvPr>
          <p:cNvSpPr/>
          <p:nvPr userDrawn="1">
            <p:custDataLst>
              <p:tags r:id="rId50"/>
            </p:custDataLst>
          </p:nvPr>
        </p:nvSpPr>
        <p:spPr>
          <a:xfrm>
            <a:off x="919152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9" name="Rectangle 28" hidden="1">
            <a:extLst>
              <a:ext uri="{FF2B5EF4-FFF2-40B4-BE49-F238E27FC236}">
                <a16:creationId xmlns:a16="http://schemas.microsoft.com/office/drawing/2014/main" id="{B79AE0AF-B42D-4AC0-AC0B-E1541ADC5CFA}"/>
              </a:ext>
            </a:extLst>
          </p:cNvPr>
          <p:cNvSpPr/>
          <p:nvPr userDrawn="1">
            <p:custDataLst>
              <p:tags r:id="rId51"/>
            </p:custDataLst>
          </p:nvPr>
        </p:nvSpPr>
        <p:spPr>
          <a:xfrm>
            <a:off x="1084608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30" name="Rectangle 29" hidden="1">
            <a:extLst>
              <a:ext uri="{FF2B5EF4-FFF2-40B4-BE49-F238E27FC236}">
                <a16:creationId xmlns:a16="http://schemas.microsoft.com/office/drawing/2014/main" id="{AA54577D-3045-40AE-B2B6-F01933F54480}"/>
              </a:ext>
            </a:extLst>
          </p:cNvPr>
          <p:cNvSpPr/>
          <p:nvPr userDrawn="1">
            <p:custDataLst>
              <p:tags r:id="rId52"/>
            </p:custDataLst>
          </p:nvPr>
        </p:nvSpPr>
        <p:spPr>
          <a:xfrm>
            <a:off x="1010880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31" name="Rectangle 30" hidden="1">
            <a:extLst>
              <a:ext uri="{FF2B5EF4-FFF2-40B4-BE49-F238E27FC236}">
                <a16:creationId xmlns:a16="http://schemas.microsoft.com/office/drawing/2014/main" id="{CF4C4D32-13FF-4D01-ACB2-C6982BCF30B2}"/>
              </a:ext>
            </a:extLst>
          </p:cNvPr>
          <p:cNvSpPr/>
          <p:nvPr userDrawn="1">
            <p:custDataLst>
              <p:tags r:id="rId53"/>
            </p:custDataLst>
          </p:nvPr>
        </p:nvSpPr>
        <p:spPr>
          <a:xfrm>
            <a:off x="11026080" y="1944000"/>
            <a:ext cx="73512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pic>
        <p:nvPicPr>
          <p:cNvPr id="33" name="image" descr="{&quot;templafy&quot;:{&quot;id&quot;:&quot;a6f688ea-ed21-4342-a0fb-20a75d292514&quot;}}" title="Form.Brand.LogoPos">
            <a:extLst>
              <a:ext uri="{FF2B5EF4-FFF2-40B4-BE49-F238E27FC236}">
                <a16:creationId xmlns:a16="http://schemas.microsoft.com/office/drawing/2014/main" id="{121F824F-ABD6-2147-B6AB-9395F7CE9755}"/>
              </a:ext>
            </a:extLst>
          </p:cNvPr>
          <p:cNvPicPr>
            <a:picLocks noChangeAspect="1"/>
          </p:cNvPicPr>
          <p:nvPr userDrawn="1"/>
        </p:nvPicPr>
        <p:blipFill>
          <a:blip r:embed="rId5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1423" y="5748010"/>
            <a:ext cx="2848696" cy="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32979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3" r:id="rId1"/>
    <p:sldLayoutId id="2147483774" r:id="rId2"/>
    <p:sldLayoutId id="2147483775" r:id="rId3"/>
    <p:sldLayoutId id="2147483776" r:id="rId4"/>
    <p:sldLayoutId id="2147483777" r:id="rId5"/>
    <p:sldLayoutId id="2147483778" r:id="rId6"/>
    <p:sldLayoutId id="2147483779" r:id="rId7"/>
    <p:sldLayoutId id="2147483780" r:id="rId8"/>
    <p:sldLayoutId id="2147483781" r:id="rId9"/>
    <p:sldLayoutId id="2147483782" r:id="rId10"/>
    <p:sldLayoutId id="2147483783" r:id="rId11"/>
    <p:sldLayoutId id="2147483784" r:id="rId12"/>
    <p:sldLayoutId id="2147483785" r:id="rId13"/>
    <p:sldLayoutId id="2147483786" r:id="rId14"/>
    <p:sldLayoutId id="2147483787" r:id="rId15"/>
    <p:sldLayoutId id="2147483788" r:id="rId16"/>
    <p:sldLayoutId id="2147483789" r:id="rId17"/>
    <p:sldLayoutId id="2147483790" r:id="rId18"/>
    <p:sldLayoutId id="2147483791" r:id="rId19"/>
    <p:sldLayoutId id="2147483792" r:id="rId20"/>
    <p:sldLayoutId id="2147483793" r:id="rId21"/>
    <p:sldLayoutId id="2147483794" r:id="rId22"/>
    <p:sldLayoutId id="2147483795" r:id="rId23"/>
    <p:sldLayoutId id="2147483796" r:id="rId24"/>
    <p:sldLayoutId id="2147483797" r:id="rId25"/>
    <p:sldLayoutId id="2147483798" r:id="rId26"/>
    <p:sldLayoutId id="2147483799" r:id="rId27"/>
    <p:sldLayoutId id="2147483800" r:id="rId28"/>
  </p:sldLayoutIdLst>
  <p:hf hdr="0"/>
  <p:txStyles>
    <p:titleStyle>
      <a:lvl1pPr algn="l" defTabSz="914400" rtl="0" eaLnBrk="1" latinLnBrk="0" hangingPunct="1">
        <a:lnSpc>
          <a:spcPct val="92000"/>
        </a:lnSpc>
        <a:spcBef>
          <a:spcPct val="0"/>
        </a:spcBef>
        <a:buNone/>
        <a:defRPr sz="3600" kern="1200">
          <a:solidFill>
            <a:schemeClr val="accent3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101000"/>
        </a:lnSpc>
        <a:spcBef>
          <a:spcPts val="800"/>
        </a:spcBef>
        <a:spcAft>
          <a:spcPts val="400"/>
        </a:spcAft>
        <a:buClr>
          <a:schemeClr val="accent1"/>
        </a:buClr>
        <a:buFont typeface="Arial" panose="020B0604020202020204" pitchFamily="34" charset="0"/>
        <a:buChar char="•"/>
        <a:defRPr lang="en-US" sz="1800" kern="1200" noProof="0" dirty="0">
          <a:solidFill>
            <a:schemeClr val="accent3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1000"/>
        </a:lnSpc>
        <a:spcBef>
          <a:spcPts val="800"/>
        </a:spcBef>
        <a:spcAft>
          <a:spcPts val="400"/>
        </a:spcAft>
        <a:buClr>
          <a:schemeClr val="accent1"/>
        </a:buClr>
        <a:buFont typeface="Arial" panose="020B0604020202020204" pitchFamily="34" charset="0"/>
        <a:buChar char="‒"/>
        <a:defRPr sz="1800" kern="1200">
          <a:solidFill>
            <a:schemeClr val="accent3"/>
          </a:solidFill>
          <a:latin typeface="+mn-lt"/>
          <a:ea typeface="+mn-ea"/>
          <a:cs typeface="+mn-cs"/>
        </a:defRPr>
      </a:lvl2pPr>
      <a:lvl3pPr marL="789750" marR="0" indent="-252000" algn="l" defTabSz="914400" rtl="0" eaLnBrk="1" fontAlgn="auto" latinLnBrk="0" hangingPunct="1">
        <a:lnSpc>
          <a:spcPct val="101000"/>
        </a:lnSpc>
        <a:spcBef>
          <a:spcPts val="800"/>
        </a:spcBef>
        <a:spcAft>
          <a:spcPts val="400"/>
        </a:spcAft>
        <a:buClr>
          <a:schemeClr val="accent1"/>
        </a:buClr>
        <a:buSzTx/>
        <a:buFont typeface="System Font Regular"/>
        <a:buChar char="–"/>
        <a:tabLst/>
        <a:defRPr sz="1800" kern="1200">
          <a:solidFill>
            <a:schemeClr val="accent3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1000"/>
        </a:lnSpc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2000" b="1" i="0" kern="1200">
          <a:solidFill>
            <a:schemeClr val="accent1"/>
          </a:solidFill>
          <a:latin typeface="+mn-lt"/>
          <a:ea typeface="+mn-ea"/>
          <a:cs typeface="+mn-cs"/>
        </a:defRPr>
      </a:lvl4pPr>
      <a:lvl5pPr marL="0" marR="0" indent="0" algn="l" defTabSz="914400" rtl="0" eaLnBrk="1" fontAlgn="auto" latinLnBrk="0" hangingPunct="1">
        <a:lnSpc>
          <a:spcPct val="101000"/>
        </a:lnSpc>
        <a:spcBef>
          <a:spcPts val="0"/>
        </a:spcBef>
        <a:spcAft>
          <a:spcPts val="0"/>
        </a:spcAft>
        <a:buClr>
          <a:schemeClr val="tx2"/>
        </a:buClr>
        <a:buSzTx/>
        <a:buFont typeface="Arial" panose="020B0604020202020204" pitchFamily="34" charset="0"/>
        <a:buChar char="​"/>
        <a:tabLst/>
        <a:defRPr sz="1800" b="1" kern="1200">
          <a:solidFill>
            <a:schemeClr val="accent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1600" b="0" kern="1200">
          <a:solidFill>
            <a:schemeClr val="accent3"/>
          </a:solidFill>
          <a:latin typeface="+mn-lt"/>
          <a:ea typeface="+mn-ea"/>
          <a:cs typeface="Arial" panose="020B0604020202020204" pitchFamily="34" charset="0"/>
        </a:defRPr>
      </a:lvl6pPr>
      <a:lvl7pPr marL="0" indent="0" algn="l" defTabSz="914400" rtl="0" eaLnBrk="1" latinLnBrk="0" hangingPunct="1">
        <a:lnSpc>
          <a:spcPct val="101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1400" kern="1200" baseline="0">
          <a:solidFill>
            <a:schemeClr val="accent3"/>
          </a:solidFill>
          <a:latin typeface="+mn-lt"/>
          <a:ea typeface="+mn-ea"/>
          <a:cs typeface="+mn-cs"/>
        </a:defRPr>
      </a:lvl7pPr>
      <a:lvl8pPr marL="284400" indent="-284400" algn="l" defTabSz="914400" rtl="0" eaLnBrk="1" latinLnBrk="0" hangingPunct="1">
        <a:lnSpc>
          <a:spcPct val="101000"/>
        </a:lnSpc>
        <a:spcBef>
          <a:spcPts val="800"/>
        </a:spcBef>
        <a:spcAft>
          <a:spcPts val="400"/>
        </a:spcAft>
        <a:buClr>
          <a:schemeClr val="accent1"/>
        </a:buClr>
        <a:buFont typeface="Wingdings 3" panose="05040102010807070707" pitchFamily="18" charset="2"/>
        <a:buChar char=""/>
        <a:defRPr sz="1800" kern="1200">
          <a:solidFill>
            <a:schemeClr val="accent3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1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4800" kern="1200" baseline="0">
          <a:solidFill>
            <a:schemeClr val="accent3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885">
          <p15:clr>
            <a:srgbClr val="F26B43"/>
          </p15:clr>
        </p15:guide>
        <p15:guide id="3" pos="4061">
          <p15:clr>
            <a:srgbClr val="F26B43"/>
          </p15:clr>
        </p15:guide>
        <p15:guide id="8" pos="5653">
          <p15:clr>
            <a:srgbClr val="F26B43"/>
          </p15:clr>
        </p15:guide>
        <p15:guide id="9" pos="5806">
          <p15:clr>
            <a:srgbClr val="F26B43"/>
          </p15:clr>
        </p15:guide>
        <p15:guide id="14" pos="7400">
          <p15:clr>
            <a:srgbClr val="F26B43"/>
          </p15:clr>
        </p15:guide>
        <p15:guide id="19" pos="2315">
          <p15:clr>
            <a:srgbClr val="F26B43"/>
          </p15:clr>
        </p15:guide>
        <p15:guide id="20" pos="2157">
          <p15:clr>
            <a:srgbClr val="F26B43"/>
          </p15:clr>
        </p15:guide>
        <p15:guide id="25" pos="574">
          <p15:clr>
            <a:srgbClr val="F26B43"/>
          </p15:clr>
        </p15:guide>
        <p15:guide id="26" orient="horz" pos="391">
          <p15:clr>
            <a:srgbClr val="F26B43"/>
          </p15:clr>
        </p15:guide>
        <p15:guide id="27" orient="horz" pos="3747">
          <p15:clr>
            <a:srgbClr val="F26B43"/>
          </p15:clr>
        </p15:guide>
        <p15:guide id="30" orient="horz" pos="2160">
          <p15:clr>
            <a:srgbClr val="F26B43"/>
          </p15:clr>
        </p15:guide>
        <p15:guide id="33" orient="horz" pos="1223">
          <p15:clr>
            <a:srgbClr val="F26B43"/>
          </p15:clr>
        </p15:guide>
        <p15:guide id="34" orient="horz" pos="4065">
          <p15:clr>
            <a:srgbClr val="F26B43"/>
          </p15:clr>
        </p15:guide>
        <p15:guide id="35" orient="horz" pos="958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11224" y="606425"/>
            <a:ext cx="10848895" cy="13375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11225" y="1941513"/>
            <a:ext cx="10848894" cy="400684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75063" y="6277560"/>
            <a:ext cx="5299075" cy="190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10800" y="6277560"/>
            <a:ext cx="39492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73.70079&lt;/Left&gt;&#10;      &lt;Top&gt;48.1889763&lt;/Top&gt;&#10;      &lt;Width&gt;852.2929&lt;/Width&gt;&#10;      &lt;Height&gt;104.881889&lt;/Height&gt;&#10;    &lt;/SubGrid&gt;&#10;    &lt;SubGrid&gt;&#10;      &lt;Left&gt;131.754333&lt;/Left&gt;&#10;      &lt;Top&gt;153.070862&lt;/Top&gt;&#10;      &lt;Width&gt;14.1732283&lt;/Width&gt;&#10;      &lt;Height&gt;313.228333&lt;/Height&gt;&#10;    &lt;/SubGrid&gt;&#10;    &lt;SubGrid&gt;&#10;      &lt;Left&gt;73.70079&lt;/Left&gt;&#10;      &lt;Top&gt;153.070862&lt;/Top&gt;&#10;      &lt;Width&gt;58.0535431&lt;/Width&gt;&#10;      &lt;Height&gt;313.228333&lt;/Height&gt;&#10;    &lt;/SubGrid&gt;&#10;    &lt;SubGrid&gt;&#10;      &lt;Left&gt;203.98111&lt;/Left&gt;&#10;      &lt;Top&gt;153.070862&lt;/Top&gt;&#10;      &lt;Width&gt;14.1732283&lt;/Width&gt;&#10;      &lt;Height&gt;313.228333&lt;/Height&gt;&#10;    &lt;/SubGrid&gt;&#10;    &lt;SubGrid&gt;&#10;      &lt;Left&gt;145.927567&lt;/Left&gt;&#10;      &lt;Top&gt;153.070862&lt;/Top&gt;&#10;      &lt;Width&gt;58.0535431&lt;/Width&gt;&#10;      &lt;Height&gt;313.228333&lt;/Height&gt;&#10;    &lt;/SubGrid&gt;&#10;    &lt;SubGrid&gt;&#10;      &lt;Left&gt;276.2079&lt;/Left&gt;&#10;      &lt;Top&gt;153.070862&lt;/Top&gt;&#10;      &lt;Width&gt;14.1732283&lt;/Width&gt;&#10;      &lt;Height&gt;313.228333&lt;/Height&gt;&#10;    &lt;/SubGrid&gt;&#10;    &lt;SubGrid&gt;&#10;      &lt;Left&gt;218.154327&lt;/Left&gt;&#10;      &lt;Top&gt;153.070862&lt;/Top&gt;&#10;      &lt;Width&gt;58.0535431&lt;/Width&gt;&#10;      &lt;Height&gt;313.228333&lt;/Height&gt;&#10;    &lt;/SubGrid&gt;&#10;    &lt;SubGrid&gt;&#10;      &lt;Left&gt;348.434631&lt;/Left&gt;&#10;      &lt;Top&gt;153.070862&lt;/Top&gt;&#10;      &lt;Width&gt;14.1732283&lt;/Width&gt;&#10;      &lt;Height&gt;313.228333&lt;/Height&gt;&#10;    &lt;/SubGrid&gt;&#10;    &lt;SubGrid&gt;&#10;      &lt;Left&gt;290.3811&lt;/Left&gt;&#10;      &lt;Top&gt;153.070862&lt;/Top&gt;&#10;      &lt;Width&gt;58.0535431&lt;/Width&gt;&#10;      &lt;Height&gt;313.228333&lt;/Height&gt;&#10;    &lt;/SubGrid&gt;&#10;    &lt;SubGrid&gt;&#10;      &lt;Left&gt;420.6614&lt;/Left&gt;&#10;      &lt;Top&gt;153.070862&lt;/Top&gt;&#10;      &lt;Width&gt;14.1732283&lt;/Width&gt;&#10;      &lt;Height&gt;313.228333&lt;/Height&gt;&#10;    &lt;/SubGrid&gt;&#10;    &lt;SubGrid&gt;&#10;      &lt;Left&gt;362.60788&lt;/Left&gt;&#10;      &lt;Top&gt;153.070862&lt;/Top&gt;&#10;      &lt;Width&gt;58.0535431&lt;/Width&gt;&#10;      &lt;Height&gt;313.228333&lt;/Height&gt;&#10;    &lt;/SubGrid&gt;&#10;    &lt;SubGrid&gt;&#10;      &lt;Left&gt;492.888184&lt;/Left&gt;&#10;      &lt;Top&gt;153.070862&lt;/Top&gt;&#10;      &lt;Width&gt;14.1732283&lt;/Width&gt;&#10;      &lt;Height&gt;313.228333&lt;/Height&gt;&#10;    &lt;/SubGrid&gt;&#10;    &lt;SubGrid&gt;&#10;      &lt;Left&gt;434.834656&lt;/Left&gt;&#10;      &lt;Top&gt;153.070862&lt;/Top&gt;&#10;      &lt;Width&gt;58.0535431&lt;/Width&gt;&#10;      &lt;Height&gt;313.228333&lt;/Height&gt;&#10;    &lt;/SubGrid&gt;&#10;    &lt;SubGrid&gt;&#10;      &lt;Left&gt;565.115&lt;/Left&gt;&#10;      &lt;Top&gt;153.070862&lt;/Top&gt;&#10;      &lt;Width&gt;14.1732283&lt;/Width&gt;&#10;      &lt;Height&gt;313.228333&lt;/Height&gt;&#10;    &lt;/SubGrid&gt;&#10;    &lt;SubGrid&gt;&#10;      &lt;Left&gt;507.061432&lt;/Left&gt;&#10;      &lt;Top&gt;153.070862&lt;/Top&gt;&#10;      &lt;Width&gt;58.0535431&lt;/Width&gt;&#10;      &lt;Height&gt;313.228333&lt;/Height&gt;&#10;    &lt;/SubGrid&gt;&#10;    &lt;SubGrid&gt;&#10;      &lt;Left&gt;637.341736&lt;/Left&gt;&#10;      &lt;Top&gt;153.070862&lt;/Top&gt;&#10;      &lt;Width&gt;14.1732283&lt;/Width&gt;&#10;      &lt;Height&gt;313.228333&lt;/Height&gt;&#10;    &lt;/SubGrid&gt;&#10;    &lt;SubGrid&gt;&#10;      &lt;Left&gt;579.2882&lt;/Left&gt;&#10;      &lt;Top&gt;153.070862&lt;/Top&gt;&#10;      &lt;Width&gt;58.0535431&lt;/Width&gt;&#10;      &lt;Height&gt;313.228333&lt;/Height&gt;&#10;    &lt;/SubGrid&gt;&#10;    &lt;SubGrid&gt;&#10;      &lt;Left&gt;709.5685&lt;/Left&gt;&#10;      &lt;Top&gt;153.070862&lt;/Top&gt;&#10;      &lt;Width&gt;14.1732283&lt;/Width&gt;&#10;      &lt;Height&gt;313.228333&lt;/Height&gt;&#10;    &lt;/SubGrid&gt;&#10;    &lt;SubGrid&gt;&#10;      &lt;Left&gt;651.514954&lt;/Left&gt;&#10;      &lt;Top&gt;153.070862&lt;/Top&gt;&#10;      &lt;Width&gt;58.0535431&lt;/Width&gt;&#10;      &lt;Height&gt;313.228333&lt;/Height&gt;&#10;    &lt;/SubGrid&gt;&#10;    &lt;SubGrid&gt;&#10;      &lt;Left&gt;781.7953&lt;/Left&gt;&#10;      &lt;Top&gt;153.070862&lt;/Top&gt;&#10;      &lt;Width&gt;14.1732283&lt;/Width&gt;&#10;      &lt;Height&gt;313.228333&lt;/Height&gt;&#10;    &lt;/SubGrid&gt;&#10;    &lt;SubGrid&gt;&#10;      &lt;Left&gt;723.74176&lt;/Left&gt;&#10;      &lt;Top&gt;153.070862&lt;/Top&gt;&#10;      &lt;Width&gt;58.0535431&lt;/Width&gt;&#10;      &lt;Height&gt;313.228333&lt;/Height&gt;&#10;    &lt;/SubGrid&gt;&#10;    &lt;SubGrid&gt;&#10;      &lt;Left&gt;854.022034&lt;/Left&gt;&#10;      &lt;Top&gt;153.070862&lt;/Top&gt;&#10;      &lt;Width&gt;14.1732283&lt;/Width&gt;&#10;      &lt;Height&gt;313.228333&lt;/Height&gt;&#10;    &lt;/SubGrid&gt;&#10;    &lt;SubGrid&gt;&#10;      &lt;Left&gt;795.9685&lt;/Left&gt;&#10;      &lt;Top&gt;153.070862&lt;/Top&gt;&#10;      &lt;Width&gt;58.0535431&lt;/Width&gt;&#10;      &lt;Height&gt;313.228333&lt;/Height&gt;&#10;    &lt;/SubGrid&gt;&#10;    &lt;SubGrid&gt;&#10;      &lt;Left&gt;868.195251&lt;/Left&gt;&#10;      &lt;Top&gt;153.070862&lt;/Top&gt;&#10;      &lt;Width&gt;57.8834839&lt;/Width&gt;&#10;      &lt;Height&gt;313.228333&lt;/Height&gt;&#10;    &lt;/SubGrid&gt;&#10;  &lt;/SubGrids&gt;&#10;  &lt;WorkArea&gt;&#10;    &lt;Top&gt;48.1889763&lt;/Top&gt;&#10;    &lt;Left&gt;73.70079&lt;/Left&gt;&#10;    &lt;Width&gt;852.3779&lt;/Width&gt;&#10;    &lt;Height&gt;418.110229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0&lt;/OfficeVersion&gt;&#10;&lt;/GridTheme&gt;" hidden="1">
            <a:extLst>
              <a:ext uri="{FF2B5EF4-FFF2-40B4-BE49-F238E27FC236}">
                <a16:creationId xmlns:a16="http://schemas.microsoft.com/office/drawing/2014/main" id="{B42FB6EC-EE12-44EA-AA91-D66CE2AD6E94}"/>
              </a:ext>
            </a:extLst>
          </p:cNvPr>
          <p:cNvSpPr/>
          <p:nvPr userDrawn="1"/>
        </p:nvSpPr>
        <p:spPr>
          <a:xfrm>
            <a:off x="936000" y="612000"/>
            <a:ext cx="10825200" cy="5310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" name="Rectangle 7" hidden="1">
            <a:extLst>
              <a:ext uri="{FF2B5EF4-FFF2-40B4-BE49-F238E27FC236}">
                <a16:creationId xmlns:a16="http://schemas.microsoft.com/office/drawing/2014/main" id="{83300BD7-255C-4326-A003-A4F73B2D340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936000" y="612000"/>
            <a:ext cx="10824120" cy="1332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9" name="Rectangle 8" hidden="1">
            <a:extLst>
              <a:ext uri="{FF2B5EF4-FFF2-40B4-BE49-F238E27FC236}">
                <a16:creationId xmlns:a16="http://schemas.microsoft.com/office/drawing/2014/main" id="{FE49DD27-6F8D-4DC9-A119-7627B6B32784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167328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1F82F2C9-A4C0-4BCA-9993-2264570A4F83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93600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481DC250-7060-41ED-BD8E-7EA0D9ED72AF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259056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2" name="Rectangle 11" hidden="1">
            <a:extLst>
              <a:ext uri="{FF2B5EF4-FFF2-40B4-BE49-F238E27FC236}">
                <a16:creationId xmlns:a16="http://schemas.microsoft.com/office/drawing/2014/main" id="{7D558E1E-6500-4E68-BDC6-A4E37D69AF04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185328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3" name="Rectangle 12" hidden="1">
            <a:extLst>
              <a:ext uri="{FF2B5EF4-FFF2-40B4-BE49-F238E27FC236}">
                <a16:creationId xmlns:a16="http://schemas.microsoft.com/office/drawing/2014/main" id="{13918A0B-B749-4249-A69C-3C2BA1D6E12C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350784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4" name="Rectangle 13" hidden="1">
            <a:extLst>
              <a:ext uri="{FF2B5EF4-FFF2-40B4-BE49-F238E27FC236}">
                <a16:creationId xmlns:a16="http://schemas.microsoft.com/office/drawing/2014/main" id="{26153917-7632-4776-852F-86EF091AAB23}"/>
              </a:ext>
            </a:extLst>
          </p:cNvPr>
          <p:cNvSpPr/>
          <p:nvPr userDrawn="1">
            <p:custDataLst>
              <p:tags r:id="rId35"/>
            </p:custDataLst>
          </p:nvPr>
        </p:nvSpPr>
        <p:spPr>
          <a:xfrm>
            <a:off x="277056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5" name="Rectangle 14" hidden="1">
            <a:extLst>
              <a:ext uri="{FF2B5EF4-FFF2-40B4-BE49-F238E27FC236}">
                <a16:creationId xmlns:a16="http://schemas.microsoft.com/office/drawing/2014/main" id="{99D47587-B603-4942-B689-616E38A08FD1}"/>
              </a:ext>
            </a:extLst>
          </p:cNvPr>
          <p:cNvSpPr/>
          <p:nvPr userDrawn="1">
            <p:custDataLst>
              <p:tags r:id="rId36"/>
            </p:custDataLst>
          </p:nvPr>
        </p:nvSpPr>
        <p:spPr>
          <a:xfrm>
            <a:off x="442512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6" name="Rectangle 15" hidden="1">
            <a:extLst>
              <a:ext uri="{FF2B5EF4-FFF2-40B4-BE49-F238E27FC236}">
                <a16:creationId xmlns:a16="http://schemas.microsoft.com/office/drawing/2014/main" id="{B78480A4-F650-4EF8-AA15-3267EA84D04F}"/>
              </a:ext>
            </a:extLst>
          </p:cNvPr>
          <p:cNvSpPr/>
          <p:nvPr userDrawn="1">
            <p:custDataLst>
              <p:tags r:id="rId37"/>
            </p:custDataLst>
          </p:nvPr>
        </p:nvSpPr>
        <p:spPr>
          <a:xfrm>
            <a:off x="368784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7" name="Rectangle 16" hidden="1">
            <a:extLst>
              <a:ext uri="{FF2B5EF4-FFF2-40B4-BE49-F238E27FC236}">
                <a16:creationId xmlns:a16="http://schemas.microsoft.com/office/drawing/2014/main" id="{80BD21CD-3678-454D-8823-01F42B7B81D4}"/>
              </a:ext>
            </a:extLst>
          </p:cNvPr>
          <p:cNvSpPr/>
          <p:nvPr userDrawn="1">
            <p:custDataLst>
              <p:tags r:id="rId38"/>
            </p:custDataLst>
          </p:nvPr>
        </p:nvSpPr>
        <p:spPr>
          <a:xfrm>
            <a:off x="534240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8" name="Rectangle 17" hidden="1">
            <a:extLst>
              <a:ext uri="{FF2B5EF4-FFF2-40B4-BE49-F238E27FC236}">
                <a16:creationId xmlns:a16="http://schemas.microsoft.com/office/drawing/2014/main" id="{D40AA0D4-C8F0-4726-9E30-565FB978800A}"/>
              </a:ext>
            </a:extLst>
          </p:cNvPr>
          <p:cNvSpPr/>
          <p:nvPr userDrawn="1">
            <p:custDataLst>
              <p:tags r:id="rId39"/>
            </p:custDataLst>
          </p:nvPr>
        </p:nvSpPr>
        <p:spPr>
          <a:xfrm>
            <a:off x="460512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19" name="Rectangle 18" hidden="1">
            <a:extLst>
              <a:ext uri="{FF2B5EF4-FFF2-40B4-BE49-F238E27FC236}">
                <a16:creationId xmlns:a16="http://schemas.microsoft.com/office/drawing/2014/main" id="{79298ECA-0199-421B-942F-C42D36FC8CCC}"/>
              </a:ext>
            </a:extLst>
          </p:cNvPr>
          <p:cNvSpPr/>
          <p:nvPr userDrawn="1">
            <p:custDataLst>
              <p:tags r:id="rId40"/>
            </p:custDataLst>
          </p:nvPr>
        </p:nvSpPr>
        <p:spPr>
          <a:xfrm>
            <a:off x="625968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0" name="Rectangle 19" hidden="1">
            <a:extLst>
              <a:ext uri="{FF2B5EF4-FFF2-40B4-BE49-F238E27FC236}">
                <a16:creationId xmlns:a16="http://schemas.microsoft.com/office/drawing/2014/main" id="{24927AA7-44B9-4C67-8096-9690D52CB186}"/>
              </a:ext>
            </a:extLst>
          </p:cNvPr>
          <p:cNvSpPr/>
          <p:nvPr userDrawn="1">
            <p:custDataLst>
              <p:tags r:id="rId41"/>
            </p:custDataLst>
          </p:nvPr>
        </p:nvSpPr>
        <p:spPr>
          <a:xfrm>
            <a:off x="552240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1" name="Rectangle 20" hidden="1">
            <a:extLst>
              <a:ext uri="{FF2B5EF4-FFF2-40B4-BE49-F238E27FC236}">
                <a16:creationId xmlns:a16="http://schemas.microsoft.com/office/drawing/2014/main" id="{A176B067-5048-4314-A1A6-FE7AA857D448}"/>
              </a:ext>
            </a:extLst>
          </p:cNvPr>
          <p:cNvSpPr/>
          <p:nvPr userDrawn="1">
            <p:custDataLst>
              <p:tags r:id="rId42"/>
            </p:custDataLst>
          </p:nvPr>
        </p:nvSpPr>
        <p:spPr>
          <a:xfrm>
            <a:off x="717696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2" name="Rectangle 21" hidden="1">
            <a:extLst>
              <a:ext uri="{FF2B5EF4-FFF2-40B4-BE49-F238E27FC236}">
                <a16:creationId xmlns:a16="http://schemas.microsoft.com/office/drawing/2014/main" id="{6AA30F8A-54E1-476D-BF6D-7DC13772FBFE}"/>
              </a:ext>
            </a:extLst>
          </p:cNvPr>
          <p:cNvSpPr/>
          <p:nvPr userDrawn="1">
            <p:custDataLst>
              <p:tags r:id="rId43"/>
            </p:custDataLst>
          </p:nvPr>
        </p:nvSpPr>
        <p:spPr>
          <a:xfrm>
            <a:off x="643968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3" name="Rectangle 22" hidden="1">
            <a:extLst>
              <a:ext uri="{FF2B5EF4-FFF2-40B4-BE49-F238E27FC236}">
                <a16:creationId xmlns:a16="http://schemas.microsoft.com/office/drawing/2014/main" id="{1B192472-C151-406D-BD2C-CD2B1E0520EC}"/>
              </a:ext>
            </a:extLst>
          </p:cNvPr>
          <p:cNvSpPr/>
          <p:nvPr userDrawn="1">
            <p:custDataLst>
              <p:tags r:id="rId44"/>
            </p:custDataLst>
          </p:nvPr>
        </p:nvSpPr>
        <p:spPr>
          <a:xfrm>
            <a:off x="809424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4" name="Rectangle 23" hidden="1">
            <a:extLst>
              <a:ext uri="{FF2B5EF4-FFF2-40B4-BE49-F238E27FC236}">
                <a16:creationId xmlns:a16="http://schemas.microsoft.com/office/drawing/2014/main" id="{6E3F2810-01DF-40D8-8280-CA93698D103B}"/>
              </a:ext>
            </a:extLst>
          </p:cNvPr>
          <p:cNvSpPr/>
          <p:nvPr userDrawn="1">
            <p:custDataLst>
              <p:tags r:id="rId45"/>
            </p:custDataLst>
          </p:nvPr>
        </p:nvSpPr>
        <p:spPr>
          <a:xfrm>
            <a:off x="735696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5" name="Rectangle 24" hidden="1">
            <a:extLst>
              <a:ext uri="{FF2B5EF4-FFF2-40B4-BE49-F238E27FC236}">
                <a16:creationId xmlns:a16="http://schemas.microsoft.com/office/drawing/2014/main" id="{F55EE894-39ED-4B4D-9CB1-15C330169290}"/>
              </a:ext>
            </a:extLst>
          </p:cNvPr>
          <p:cNvSpPr/>
          <p:nvPr userDrawn="1">
            <p:custDataLst>
              <p:tags r:id="rId46"/>
            </p:custDataLst>
          </p:nvPr>
        </p:nvSpPr>
        <p:spPr>
          <a:xfrm>
            <a:off x="901152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6" name="Rectangle 25" hidden="1">
            <a:extLst>
              <a:ext uri="{FF2B5EF4-FFF2-40B4-BE49-F238E27FC236}">
                <a16:creationId xmlns:a16="http://schemas.microsoft.com/office/drawing/2014/main" id="{E35E7390-5067-4804-9F0E-54C0A6CC568A}"/>
              </a:ext>
            </a:extLst>
          </p:cNvPr>
          <p:cNvSpPr/>
          <p:nvPr userDrawn="1">
            <p:custDataLst>
              <p:tags r:id="rId47"/>
            </p:custDataLst>
          </p:nvPr>
        </p:nvSpPr>
        <p:spPr>
          <a:xfrm>
            <a:off x="827424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7" name="Rectangle 26" hidden="1">
            <a:extLst>
              <a:ext uri="{FF2B5EF4-FFF2-40B4-BE49-F238E27FC236}">
                <a16:creationId xmlns:a16="http://schemas.microsoft.com/office/drawing/2014/main" id="{409673BF-A8A4-4B6D-BF7E-DF8E440CF229}"/>
              </a:ext>
            </a:extLst>
          </p:cNvPr>
          <p:cNvSpPr/>
          <p:nvPr userDrawn="1">
            <p:custDataLst>
              <p:tags r:id="rId48"/>
            </p:custDataLst>
          </p:nvPr>
        </p:nvSpPr>
        <p:spPr>
          <a:xfrm>
            <a:off x="992880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8" name="Rectangle 27" hidden="1">
            <a:extLst>
              <a:ext uri="{FF2B5EF4-FFF2-40B4-BE49-F238E27FC236}">
                <a16:creationId xmlns:a16="http://schemas.microsoft.com/office/drawing/2014/main" id="{643588AC-DDF6-4F4A-989C-BEEC90618F89}"/>
              </a:ext>
            </a:extLst>
          </p:cNvPr>
          <p:cNvSpPr/>
          <p:nvPr userDrawn="1">
            <p:custDataLst>
              <p:tags r:id="rId49"/>
            </p:custDataLst>
          </p:nvPr>
        </p:nvSpPr>
        <p:spPr>
          <a:xfrm>
            <a:off x="919152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29" name="Rectangle 28" hidden="1">
            <a:extLst>
              <a:ext uri="{FF2B5EF4-FFF2-40B4-BE49-F238E27FC236}">
                <a16:creationId xmlns:a16="http://schemas.microsoft.com/office/drawing/2014/main" id="{B79AE0AF-B42D-4AC0-AC0B-E1541ADC5CFA}"/>
              </a:ext>
            </a:extLst>
          </p:cNvPr>
          <p:cNvSpPr/>
          <p:nvPr userDrawn="1">
            <p:custDataLst>
              <p:tags r:id="rId50"/>
            </p:custDataLst>
          </p:nvPr>
        </p:nvSpPr>
        <p:spPr>
          <a:xfrm>
            <a:off x="10846080" y="1944000"/>
            <a:ext cx="18000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30" name="Rectangle 29" hidden="1">
            <a:extLst>
              <a:ext uri="{FF2B5EF4-FFF2-40B4-BE49-F238E27FC236}">
                <a16:creationId xmlns:a16="http://schemas.microsoft.com/office/drawing/2014/main" id="{AA54577D-3045-40AE-B2B6-F01933F54480}"/>
              </a:ext>
            </a:extLst>
          </p:cNvPr>
          <p:cNvSpPr/>
          <p:nvPr userDrawn="1">
            <p:custDataLst>
              <p:tags r:id="rId51"/>
            </p:custDataLst>
          </p:nvPr>
        </p:nvSpPr>
        <p:spPr>
          <a:xfrm>
            <a:off x="10108800" y="1944000"/>
            <a:ext cx="73728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sp>
        <p:nvSpPr>
          <p:cNvPr id="31" name="Rectangle 30" hidden="1">
            <a:extLst>
              <a:ext uri="{FF2B5EF4-FFF2-40B4-BE49-F238E27FC236}">
                <a16:creationId xmlns:a16="http://schemas.microsoft.com/office/drawing/2014/main" id="{CF4C4D32-13FF-4D01-ACB2-C6982BCF30B2}"/>
              </a:ext>
            </a:extLst>
          </p:cNvPr>
          <p:cNvSpPr/>
          <p:nvPr userDrawn="1">
            <p:custDataLst>
              <p:tags r:id="rId52"/>
            </p:custDataLst>
          </p:nvPr>
        </p:nvSpPr>
        <p:spPr>
          <a:xfrm>
            <a:off x="11026080" y="1944000"/>
            <a:ext cx="735120" cy="3978000"/>
          </a:xfrm>
          <a:prstGeom prst="rect">
            <a:avLst/>
          </a:prstGeom>
          <a:noFill/>
          <a:ln w="3175" cap="flat" cmpd="sng" algn="ctr">
            <a:solidFill>
              <a:srgbClr val="FF006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>
              <a:solidFill>
                <a:schemeClr val="accent3"/>
              </a:solidFill>
            </a:endParaRPr>
          </a:p>
        </p:txBody>
      </p:sp>
      <p:pic>
        <p:nvPicPr>
          <p:cNvPr id="1847813384" name="image" descr="{&quot;templafy&quot;:{&quot;id&quot;:&quot;6033c955-d01e-4230-8583-f8bca9c136a7&quot;}}"/>
          <p:cNvPicPr>
            <a:picLocks noChangeAspect="1"/>
          </p:cNvPicPr>
          <p:nvPr/>
        </p:nvPicPr>
        <p:blipFill>
          <a:blip r:embed="rId53"/>
          <a:stretch>
            <a:fillRect/>
          </a:stretch>
        </p:blipFill>
        <p:spPr>
          <a:xfrm>
            <a:off x="8911423" y="5748010"/>
            <a:ext cx="2847600" cy="72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1845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2" r:id="rId1"/>
    <p:sldLayoutId id="2147483803" r:id="rId2"/>
    <p:sldLayoutId id="2147483804" r:id="rId3"/>
    <p:sldLayoutId id="2147483805" r:id="rId4"/>
    <p:sldLayoutId id="2147483806" r:id="rId5"/>
    <p:sldLayoutId id="2147483807" r:id="rId6"/>
    <p:sldLayoutId id="2147483808" r:id="rId7"/>
    <p:sldLayoutId id="2147483809" r:id="rId8"/>
    <p:sldLayoutId id="2147483810" r:id="rId9"/>
    <p:sldLayoutId id="2147483811" r:id="rId10"/>
    <p:sldLayoutId id="2147483812" r:id="rId11"/>
    <p:sldLayoutId id="2147483813" r:id="rId12"/>
    <p:sldLayoutId id="2147483814" r:id="rId13"/>
    <p:sldLayoutId id="2147483815" r:id="rId14"/>
    <p:sldLayoutId id="2147483816" r:id="rId15"/>
    <p:sldLayoutId id="2147483817" r:id="rId16"/>
    <p:sldLayoutId id="2147483818" r:id="rId17"/>
    <p:sldLayoutId id="2147483819" r:id="rId18"/>
    <p:sldLayoutId id="2147483820" r:id="rId19"/>
    <p:sldLayoutId id="2147483821" r:id="rId20"/>
    <p:sldLayoutId id="2147483822" r:id="rId21"/>
    <p:sldLayoutId id="2147483823" r:id="rId22"/>
    <p:sldLayoutId id="2147483824" r:id="rId23"/>
    <p:sldLayoutId id="2147483825" r:id="rId24"/>
    <p:sldLayoutId id="2147483826" r:id="rId25"/>
    <p:sldLayoutId id="2147483827" r:id="rId26"/>
    <p:sldLayoutId id="2147483828" r:id="rId27"/>
  </p:sldLayoutIdLst>
  <p:hf hdr="0"/>
  <p:txStyles>
    <p:titleStyle>
      <a:lvl1pPr algn="l" defTabSz="914400" rtl="0" eaLnBrk="1" latinLnBrk="0" hangingPunct="1">
        <a:lnSpc>
          <a:spcPct val="92000"/>
        </a:lnSpc>
        <a:spcBef>
          <a:spcPct val="0"/>
        </a:spcBef>
        <a:buNone/>
        <a:defRPr sz="3600" kern="1200">
          <a:solidFill>
            <a:schemeClr val="accent3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101000"/>
        </a:lnSpc>
        <a:spcBef>
          <a:spcPts val="0"/>
        </a:spcBef>
        <a:buClr>
          <a:schemeClr val="accent1"/>
        </a:buClr>
        <a:buFont typeface="Arial" panose="020B0604020202020204" pitchFamily="34" charset="0"/>
        <a:buChar char="•"/>
        <a:defRPr lang="en-US" sz="1800" kern="1200" noProof="0" dirty="0">
          <a:solidFill>
            <a:schemeClr val="accent3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1000"/>
        </a:lnSpc>
        <a:spcBef>
          <a:spcPts val="0"/>
        </a:spcBef>
        <a:buClr>
          <a:schemeClr val="accent1"/>
        </a:buClr>
        <a:buFont typeface="Arial" panose="020B0604020202020204" pitchFamily="34" charset="0"/>
        <a:buChar char="‒"/>
        <a:defRPr sz="1800" kern="1200">
          <a:solidFill>
            <a:schemeClr val="accent3"/>
          </a:solidFill>
          <a:latin typeface="+mn-lt"/>
          <a:ea typeface="+mn-ea"/>
          <a:cs typeface="+mn-cs"/>
        </a:defRPr>
      </a:lvl2pPr>
      <a:lvl3pPr marL="789750" marR="0" indent="-252000" algn="l" defTabSz="914400" rtl="0" eaLnBrk="1" fontAlgn="auto" latinLnBrk="0" hangingPunct="1">
        <a:lnSpc>
          <a:spcPct val="101000"/>
        </a:lnSpc>
        <a:spcBef>
          <a:spcPts val="0"/>
        </a:spcBef>
        <a:spcAft>
          <a:spcPts val="0"/>
        </a:spcAft>
        <a:buClr>
          <a:schemeClr val="accent1"/>
        </a:buClr>
        <a:buSzTx/>
        <a:buFont typeface="System Font Regular"/>
        <a:buChar char="–"/>
        <a:tabLst/>
        <a:defRPr sz="1800" kern="1200">
          <a:solidFill>
            <a:schemeClr val="accent3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1000"/>
        </a:lnSpc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2000" b="1" i="0" kern="1200">
          <a:solidFill>
            <a:schemeClr val="accent1"/>
          </a:solidFill>
          <a:latin typeface="+mn-lt"/>
          <a:ea typeface="+mn-ea"/>
          <a:cs typeface="+mn-cs"/>
        </a:defRPr>
      </a:lvl4pPr>
      <a:lvl5pPr marL="0" marR="0" indent="0" algn="l" defTabSz="914400" rtl="0" eaLnBrk="1" fontAlgn="auto" latinLnBrk="0" hangingPunct="1">
        <a:lnSpc>
          <a:spcPct val="101000"/>
        </a:lnSpc>
        <a:spcBef>
          <a:spcPts val="0"/>
        </a:spcBef>
        <a:spcAft>
          <a:spcPts val="0"/>
        </a:spcAft>
        <a:buClr>
          <a:schemeClr val="tx2"/>
        </a:buClr>
        <a:buSzTx/>
        <a:buFont typeface="Arial" panose="020B0604020202020204" pitchFamily="34" charset="0"/>
        <a:buChar char="​"/>
        <a:tabLst/>
        <a:defRPr sz="1800" b="1" kern="1200">
          <a:solidFill>
            <a:schemeClr val="accent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1600" b="0" kern="1200">
          <a:solidFill>
            <a:schemeClr val="accent3"/>
          </a:solidFill>
          <a:latin typeface="+mn-lt"/>
          <a:ea typeface="+mn-ea"/>
          <a:cs typeface="Arial" panose="020B0604020202020204" pitchFamily="34" charset="0"/>
        </a:defRPr>
      </a:lvl6pPr>
      <a:lvl7pPr marL="0" indent="0" algn="l" defTabSz="914400" rtl="0" eaLnBrk="1" latinLnBrk="0" hangingPunct="1">
        <a:lnSpc>
          <a:spcPct val="101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1400" kern="1200" baseline="0">
          <a:solidFill>
            <a:schemeClr val="accent3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01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1200" kern="1200">
          <a:solidFill>
            <a:schemeClr val="accent3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1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​"/>
        <a:defRPr sz="4800" kern="1200" baseline="0">
          <a:solidFill>
            <a:schemeClr val="accent3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902">
          <p15:clr>
            <a:srgbClr val="F26B43"/>
          </p15:clr>
        </p15:guide>
        <p15:guide id="3" pos="4061">
          <p15:clr>
            <a:srgbClr val="F26B43"/>
          </p15:clr>
        </p15:guide>
        <p15:guide id="8" pos="5653">
          <p15:clr>
            <a:srgbClr val="F26B43"/>
          </p15:clr>
        </p15:guide>
        <p15:guide id="9" pos="5806">
          <p15:clr>
            <a:srgbClr val="F26B43"/>
          </p15:clr>
        </p15:guide>
        <p15:guide id="14" pos="7400">
          <p15:clr>
            <a:srgbClr val="F26B43"/>
          </p15:clr>
        </p15:guide>
        <p15:guide id="19" pos="2315">
          <p15:clr>
            <a:srgbClr val="F26B43"/>
          </p15:clr>
        </p15:guide>
        <p15:guide id="20" pos="2157">
          <p15:clr>
            <a:srgbClr val="F26B43"/>
          </p15:clr>
        </p15:guide>
        <p15:guide id="25" pos="574">
          <p15:clr>
            <a:srgbClr val="F26B43"/>
          </p15:clr>
        </p15:guide>
        <p15:guide id="26" orient="horz" pos="391">
          <p15:clr>
            <a:srgbClr val="F26B43"/>
          </p15:clr>
        </p15:guide>
        <p15:guide id="27" orient="horz" pos="3747">
          <p15:clr>
            <a:srgbClr val="F26B43"/>
          </p15:clr>
        </p15:guide>
        <p15:guide id="30" orient="horz" pos="2160">
          <p15:clr>
            <a:srgbClr val="F26B43"/>
          </p15:clr>
        </p15:guide>
        <p15:guide id="33" orient="horz" pos="1223">
          <p15:clr>
            <a:srgbClr val="F26B43"/>
          </p15:clr>
        </p15:guide>
        <p15:guide id="34" orient="horz" pos="4065">
          <p15:clr>
            <a:srgbClr val="F26B43"/>
          </p15:clr>
        </p15:guide>
        <p15:guide id="35" orient="horz" pos="95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73.xml"/><Relationship Id="rId4" Type="http://schemas.openxmlformats.org/officeDocument/2006/relationships/image" Target="../media/image38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74.xml"/><Relationship Id="rId5" Type="http://schemas.openxmlformats.org/officeDocument/2006/relationships/image" Target="../media/image40.png"/><Relationship Id="rId4" Type="http://schemas.openxmlformats.org/officeDocument/2006/relationships/image" Target="../media/image39.emf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jpeg"/><Relationship Id="rId13" Type="http://schemas.openxmlformats.org/officeDocument/2006/relationships/image" Target="../media/image48.png"/><Relationship Id="rId18" Type="http://schemas.openxmlformats.org/officeDocument/2006/relationships/image" Target="../media/image53.svg"/><Relationship Id="rId3" Type="http://schemas.openxmlformats.org/officeDocument/2006/relationships/tags" Target="../tags/tag77.xml"/><Relationship Id="rId7" Type="http://schemas.openxmlformats.org/officeDocument/2006/relationships/image" Target="../media/image42.jpeg"/><Relationship Id="rId12" Type="http://schemas.openxmlformats.org/officeDocument/2006/relationships/image" Target="../media/image47.svg"/><Relationship Id="rId17" Type="http://schemas.openxmlformats.org/officeDocument/2006/relationships/image" Target="../media/image52.png"/><Relationship Id="rId2" Type="http://schemas.openxmlformats.org/officeDocument/2006/relationships/tags" Target="../tags/tag76.xml"/><Relationship Id="rId16" Type="http://schemas.openxmlformats.org/officeDocument/2006/relationships/image" Target="../media/image51.svg"/><Relationship Id="rId1" Type="http://schemas.openxmlformats.org/officeDocument/2006/relationships/tags" Target="../tags/tag75.xml"/><Relationship Id="rId6" Type="http://schemas.openxmlformats.org/officeDocument/2006/relationships/image" Target="../media/image41.jpeg"/><Relationship Id="rId11" Type="http://schemas.openxmlformats.org/officeDocument/2006/relationships/image" Target="../media/image46.png"/><Relationship Id="rId5" Type="http://schemas.openxmlformats.org/officeDocument/2006/relationships/notesSlide" Target="../notesSlides/notesSlide3.xml"/><Relationship Id="rId15" Type="http://schemas.openxmlformats.org/officeDocument/2006/relationships/image" Target="../media/image50.png"/><Relationship Id="rId10" Type="http://schemas.openxmlformats.org/officeDocument/2006/relationships/image" Target="../media/image45.svg"/><Relationship Id="rId4" Type="http://schemas.openxmlformats.org/officeDocument/2006/relationships/slideLayout" Target="../slideLayouts/slideLayout18.xml"/><Relationship Id="rId9" Type="http://schemas.openxmlformats.org/officeDocument/2006/relationships/image" Target="../media/image44.png"/><Relationship Id="rId14" Type="http://schemas.openxmlformats.org/officeDocument/2006/relationships/image" Target="../media/image49.sv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9.svg"/><Relationship Id="rId13" Type="http://schemas.openxmlformats.org/officeDocument/2006/relationships/image" Target="../media/image64.png"/><Relationship Id="rId18" Type="http://schemas.openxmlformats.org/officeDocument/2006/relationships/image" Target="../media/image69.svg"/><Relationship Id="rId3" Type="http://schemas.openxmlformats.org/officeDocument/2006/relationships/image" Target="../media/image54.png"/><Relationship Id="rId21" Type="http://schemas.openxmlformats.org/officeDocument/2006/relationships/image" Target="../media/image72.png"/><Relationship Id="rId7" Type="http://schemas.openxmlformats.org/officeDocument/2006/relationships/image" Target="../media/image58.png"/><Relationship Id="rId12" Type="http://schemas.openxmlformats.org/officeDocument/2006/relationships/image" Target="../media/image63.svg"/><Relationship Id="rId17" Type="http://schemas.openxmlformats.org/officeDocument/2006/relationships/image" Target="../media/image68.png"/><Relationship Id="rId2" Type="http://schemas.openxmlformats.org/officeDocument/2006/relationships/notesSlide" Target="../notesSlides/notesSlide4.xml"/><Relationship Id="rId16" Type="http://schemas.openxmlformats.org/officeDocument/2006/relationships/image" Target="../media/image67.svg"/><Relationship Id="rId20" Type="http://schemas.openxmlformats.org/officeDocument/2006/relationships/image" Target="../media/image71.sv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57.svg"/><Relationship Id="rId11" Type="http://schemas.openxmlformats.org/officeDocument/2006/relationships/image" Target="../media/image62.png"/><Relationship Id="rId24" Type="http://schemas.openxmlformats.org/officeDocument/2006/relationships/image" Target="../media/image75.svg"/><Relationship Id="rId5" Type="http://schemas.openxmlformats.org/officeDocument/2006/relationships/image" Target="../media/image56.png"/><Relationship Id="rId15" Type="http://schemas.openxmlformats.org/officeDocument/2006/relationships/image" Target="../media/image66.png"/><Relationship Id="rId23" Type="http://schemas.openxmlformats.org/officeDocument/2006/relationships/image" Target="../media/image74.png"/><Relationship Id="rId10" Type="http://schemas.openxmlformats.org/officeDocument/2006/relationships/image" Target="../media/image61.svg"/><Relationship Id="rId19" Type="http://schemas.openxmlformats.org/officeDocument/2006/relationships/image" Target="../media/image70.png"/><Relationship Id="rId4" Type="http://schemas.openxmlformats.org/officeDocument/2006/relationships/image" Target="../media/image55.svg"/><Relationship Id="rId9" Type="http://schemas.openxmlformats.org/officeDocument/2006/relationships/image" Target="../media/image60.png"/><Relationship Id="rId14" Type="http://schemas.openxmlformats.org/officeDocument/2006/relationships/image" Target="../media/image65.svg"/><Relationship Id="rId22" Type="http://schemas.openxmlformats.org/officeDocument/2006/relationships/image" Target="../media/image73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9.svg"/><Relationship Id="rId13" Type="http://schemas.openxmlformats.org/officeDocument/2006/relationships/image" Target="../media/image64.png"/><Relationship Id="rId18" Type="http://schemas.openxmlformats.org/officeDocument/2006/relationships/image" Target="../media/image69.svg"/><Relationship Id="rId26" Type="http://schemas.openxmlformats.org/officeDocument/2006/relationships/image" Target="../media/image77.svg"/><Relationship Id="rId3" Type="http://schemas.openxmlformats.org/officeDocument/2006/relationships/image" Target="../media/image54.png"/><Relationship Id="rId21" Type="http://schemas.openxmlformats.org/officeDocument/2006/relationships/image" Target="../media/image72.png"/><Relationship Id="rId7" Type="http://schemas.openxmlformats.org/officeDocument/2006/relationships/image" Target="../media/image58.png"/><Relationship Id="rId12" Type="http://schemas.openxmlformats.org/officeDocument/2006/relationships/image" Target="../media/image63.svg"/><Relationship Id="rId17" Type="http://schemas.openxmlformats.org/officeDocument/2006/relationships/image" Target="../media/image68.png"/><Relationship Id="rId25" Type="http://schemas.openxmlformats.org/officeDocument/2006/relationships/image" Target="../media/image76.png"/><Relationship Id="rId2" Type="http://schemas.openxmlformats.org/officeDocument/2006/relationships/notesSlide" Target="../notesSlides/notesSlide5.xml"/><Relationship Id="rId16" Type="http://schemas.openxmlformats.org/officeDocument/2006/relationships/image" Target="../media/image67.svg"/><Relationship Id="rId20" Type="http://schemas.openxmlformats.org/officeDocument/2006/relationships/image" Target="../media/image71.sv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57.svg"/><Relationship Id="rId11" Type="http://schemas.openxmlformats.org/officeDocument/2006/relationships/image" Target="../media/image62.png"/><Relationship Id="rId24" Type="http://schemas.openxmlformats.org/officeDocument/2006/relationships/image" Target="../media/image75.svg"/><Relationship Id="rId5" Type="http://schemas.openxmlformats.org/officeDocument/2006/relationships/image" Target="../media/image56.png"/><Relationship Id="rId15" Type="http://schemas.openxmlformats.org/officeDocument/2006/relationships/image" Target="../media/image66.png"/><Relationship Id="rId23" Type="http://schemas.openxmlformats.org/officeDocument/2006/relationships/image" Target="../media/image74.png"/><Relationship Id="rId28" Type="http://schemas.openxmlformats.org/officeDocument/2006/relationships/image" Target="../media/image79.svg"/><Relationship Id="rId10" Type="http://schemas.openxmlformats.org/officeDocument/2006/relationships/image" Target="../media/image61.svg"/><Relationship Id="rId19" Type="http://schemas.openxmlformats.org/officeDocument/2006/relationships/image" Target="../media/image70.png"/><Relationship Id="rId4" Type="http://schemas.openxmlformats.org/officeDocument/2006/relationships/image" Target="../media/image55.svg"/><Relationship Id="rId9" Type="http://schemas.openxmlformats.org/officeDocument/2006/relationships/image" Target="../media/image60.png"/><Relationship Id="rId14" Type="http://schemas.openxmlformats.org/officeDocument/2006/relationships/image" Target="../media/image65.svg"/><Relationship Id="rId22" Type="http://schemas.openxmlformats.org/officeDocument/2006/relationships/image" Target="../media/image73.svg"/><Relationship Id="rId27" Type="http://schemas.openxmlformats.org/officeDocument/2006/relationships/image" Target="../media/image78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6.xml"/><Relationship Id="rId13" Type="http://schemas.openxmlformats.org/officeDocument/2006/relationships/image" Target="../media/image84.jpeg"/><Relationship Id="rId3" Type="http://schemas.openxmlformats.org/officeDocument/2006/relationships/tags" Target="../tags/tag80.xml"/><Relationship Id="rId7" Type="http://schemas.openxmlformats.org/officeDocument/2006/relationships/slideLayout" Target="../slideLayouts/slideLayout19.xml"/><Relationship Id="rId12" Type="http://schemas.openxmlformats.org/officeDocument/2006/relationships/image" Target="../media/image83.jpg"/><Relationship Id="rId17" Type="http://schemas.openxmlformats.org/officeDocument/2006/relationships/image" Target="../media/image88.jpeg"/><Relationship Id="rId2" Type="http://schemas.openxmlformats.org/officeDocument/2006/relationships/tags" Target="../tags/tag79.xml"/><Relationship Id="rId16" Type="http://schemas.openxmlformats.org/officeDocument/2006/relationships/image" Target="../media/image87.jpg"/><Relationship Id="rId1" Type="http://schemas.openxmlformats.org/officeDocument/2006/relationships/tags" Target="../tags/tag78.xml"/><Relationship Id="rId6" Type="http://schemas.openxmlformats.org/officeDocument/2006/relationships/tags" Target="../tags/tag83.xml"/><Relationship Id="rId11" Type="http://schemas.openxmlformats.org/officeDocument/2006/relationships/image" Target="../media/image82.jpeg"/><Relationship Id="rId5" Type="http://schemas.openxmlformats.org/officeDocument/2006/relationships/tags" Target="../tags/tag82.xml"/><Relationship Id="rId15" Type="http://schemas.openxmlformats.org/officeDocument/2006/relationships/image" Target="../media/image86.jpeg"/><Relationship Id="rId10" Type="http://schemas.openxmlformats.org/officeDocument/2006/relationships/image" Target="../media/image81.jpeg"/><Relationship Id="rId4" Type="http://schemas.openxmlformats.org/officeDocument/2006/relationships/tags" Target="../tags/tag81.xml"/><Relationship Id="rId9" Type="http://schemas.openxmlformats.org/officeDocument/2006/relationships/image" Target="../media/image80.png"/><Relationship Id="rId14" Type="http://schemas.openxmlformats.org/officeDocument/2006/relationships/image" Target="../media/image85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7" Type="http://schemas.openxmlformats.org/officeDocument/2006/relationships/image" Target="../media/image8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79.svg"/><Relationship Id="rId5" Type="http://schemas.openxmlformats.org/officeDocument/2006/relationships/image" Target="../media/image78.png"/><Relationship Id="rId4" Type="http://schemas.openxmlformats.org/officeDocument/2006/relationships/image" Target="../media/image77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4.xml"/><Relationship Id="rId1" Type="http://schemas.openxmlformats.org/officeDocument/2006/relationships/tags" Target="../tags/tag8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Placeholder 6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0E2B73F6-B66C-0949-816A-3D21CE94AC3B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5" r="795"/>
          <a:stretch>
            <a:fillRect/>
          </a:stretch>
        </p:blipFill>
        <p:spPr/>
      </p:pic>
      <p:sp>
        <p:nvSpPr>
          <p:cNvPr id="10" name="Title 9">
            <a:extLst>
              <a:ext uri="{FF2B5EF4-FFF2-40B4-BE49-F238E27FC236}">
                <a16:creationId xmlns:a16="http://schemas.microsoft.com/office/drawing/2014/main" id="{D944320F-F3E7-4CD1-8E85-A1F3A5CFE56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/>
              <a:t>Danmark som førende testland..</a:t>
            </a:r>
          </a:p>
        </p:txBody>
      </p:sp>
      <p:sp>
        <p:nvSpPr>
          <p:cNvPr id="11" name="Subtitle 10">
            <a:extLst>
              <a:ext uri="{FF2B5EF4-FFF2-40B4-BE49-F238E27FC236}">
                <a16:creationId xmlns:a16="http://schemas.microsoft.com/office/drawing/2014/main" id="{4C0522F4-28FF-4AB5-B264-958234FD9EF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…ellers vinder vi IKKE den grønne førertrøje</a:t>
            </a:r>
          </a:p>
          <a:p>
            <a:endParaRPr lang="da-DK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1C69E120-097B-451A-9259-525DA9A41F7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/>
              <a:t>Thomas Bech Hansen, FORCE Technology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B2652C2B-B204-4AC3-9E28-640DF40D9D39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22082C4-7642-4996-A237-4F263E9732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01.04.202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0210490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611CDAA-842D-4854-BDF8-770C031062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kumimoji="0" lang="da-DK" sz="1000" b="0" i="0" u="none" strike="noStrike" kern="1200" cap="none" spc="0" normalizeH="0" baseline="0" noProof="0" smtClean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da-DK" sz="1000" b="0" i="0" u="none" strike="noStrike" kern="1200" cap="none" spc="0" normalizeH="0" baseline="0" noProof="0" dirty="0">
              <a:ln>
                <a:noFill/>
              </a:ln>
              <a:solidFill>
                <a:srgbClr val="003E6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EB4AF92-830D-4568-8127-0DB27B871C8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 dirty="0">
              <a:ln>
                <a:noFill/>
              </a:ln>
              <a:solidFill>
                <a:srgbClr val="003E6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5206E6-2D10-4057-A4B3-6AB239E6F3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01CC16F-1C62-447A-91D5-C3D75F6D2ED0}" type="datetime3">
              <a:rPr kumimoji="0" lang="da-DK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6.04.2022</a:t>
            </a:fld>
            <a:endParaRPr kumimoji="0" lang="da-DK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4EA2F04-36E5-40E9-871E-5830373E459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6828494" cy="68580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A8D8C19-71F3-47A3-A06D-4FBD73A0E37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046588" y="2133167"/>
            <a:ext cx="2623144" cy="2591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3077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8" name="Straight Connector 67">
            <a:extLst>
              <a:ext uri="{FF2B5EF4-FFF2-40B4-BE49-F238E27FC236}">
                <a16:creationId xmlns:a16="http://schemas.microsoft.com/office/drawing/2014/main" id="{F77E1881-BB5F-485D-A932-DB960999AA4E}"/>
              </a:ext>
            </a:extLst>
          </p:cNvPr>
          <p:cNvCxnSpPr>
            <a:cxnSpLocks/>
          </p:cNvCxnSpPr>
          <p:nvPr/>
        </p:nvCxnSpPr>
        <p:spPr>
          <a:xfrm flipH="1" flipV="1">
            <a:off x="3853416" y="2801938"/>
            <a:ext cx="1641438" cy="50177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3873DC8A-ECDE-4224-BAA7-67D21E04AB6D}"/>
              </a:ext>
            </a:extLst>
          </p:cNvPr>
          <p:cNvCxnSpPr>
            <a:cxnSpLocks/>
          </p:cNvCxnSpPr>
          <p:nvPr/>
        </p:nvCxnSpPr>
        <p:spPr>
          <a:xfrm flipH="1">
            <a:off x="3455856" y="3827754"/>
            <a:ext cx="2120611" cy="1272504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823EAA60-0B04-48EB-863C-38EFCAEC64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yrkepositioner kræver infrastruktu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2664DC-3CCC-4374-8923-F18D2B7154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F949AA8-B2BC-4A5E-B857-905791DA9018}" type="datetime3">
              <a:rPr kumimoji="0" lang="da-DK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6.04.2022</a:t>
            </a:fld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04CAA491-811B-464D-9921-4126346F0D9D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1" r="41"/>
          <a:stretch/>
        </p:blipFill>
        <p:spPr>
          <a:xfrm>
            <a:off x="9641339" y="1222765"/>
            <a:ext cx="2122631" cy="141589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544607F9-2558-4CDE-A012-404D82DDD93B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908"/>
          <a:stretch/>
        </p:blipFill>
        <p:spPr>
          <a:xfrm>
            <a:off x="9641283" y="4313742"/>
            <a:ext cx="2122631" cy="143692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817B39D-2F60-411B-BC53-E4D75860B41F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641284" y="2766710"/>
            <a:ext cx="2122630" cy="1418978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6B3DAA40-1A3B-4859-BCB0-DD305E9612AB}"/>
              </a:ext>
            </a:extLst>
          </p:cNvPr>
          <p:cNvGrpSpPr>
            <a:grpSpLocks noChangeAspect="1"/>
          </p:cNvGrpSpPr>
          <p:nvPr/>
        </p:nvGrpSpPr>
        <p:grpSpPr>
          <a:xfrm>
            <a:off x="6609493" y="4626000"/>
            <a:ext cx="1260000" cy="1260000"/>
            <a:chOff x="92869" y="92869"/>
            <a:chExt cx="1254125" cy="1254125"/>
          </a:xfrm>
        </p:grpSpPr>
        <p:pic>
          <p:nvPicPr>
            <p:cNvPr id="15" name="Graphic 4">
              <a:extLst>
                <a:ext uri="{FF2B5EF4-FFF2-40B4-BE49-F238E27FC236}">
                  <a16:creationId xmlns:a16="http://schemas.microsoft.com/office/drawing/2014/main" id="{E814DAFB-6C4F-48D8-8DEF-FED2A6F6609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220DE81F-111A-4CAE-A989-ABFEFF798BBA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09515D5F-CE5A-456A-AEB1-EAEE7CB1FF34}"/>
              </a:ext>
            </a:extLst>
          </p:cNvPr>
          <p:cNvGrpSpPr>
            <a:grpSpLocks noChangeAspect="1"/>
          </p:cNvGrpSpPr>
          <p:nvPr/>
        </p:nvGrpSpPr>
        <p:grpSpPr>
          <a:xfrm>
            <a:off x="7688637" y="1972701"/>
            <a:ext cx="1260000" cy="1260000"/>
            <a:chOff x="92869" y="92869"/>
            <a:chExt cx="1254125" cy="1254125"/>
          </a:xfrm>
        </p:grpSpPr>
        <p:pic>
          <p:nvPicPr>
            <p:cNvPr id="18" name="Graphic 4">
              <a:extLst>
                <a:ext uri="{FF2B5EF4-FFF2-40B4-BE49-F238E27FC236}">
                  <a16:creationId xmlns:a16="http://schemas.microsoft.com/office/drawing/2014/main" id="{C1EC7717-2B76-4298-B1FB-729AF8F8CA3C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878D7AA0-FD96-4C13-B8BD-5968B128C149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26" name="Group 25">
            <a:extLst>
              <a:ext uri="{FF2B5EF4-FFF2-40B4-BE49-F238E27FC236}">
                <a16:creationId xmlns:a16="http://schemas.microsoft.com/office/drawing/2014/main" id="{282D5AFB-9461-46FF-89E1-836BEC693F55}"/>
              </a:ext>
            </a:extLst>
          </p:cNvPr>
          <p:cNvGrpSpPr>
            <a:grpSpLocks noChangeAspect="1"/>
          </p:cNvGrpSpPr>
          <p:nvPr/>
        </p:nvGrpSpPr>
        <p:grpSpPr>
          <a:xfrm>
            <a:off x="2757735" y="1941513"/>
            <a:ext cx="1260000" cy="1260000"/>
            <a:chOff x="92869" y="92869"/>
            <a:chExt cx="1254125" cy="1254125"/>
          </a:xfrm>
        </p:grpSpPr>
        <p:pic>
          <p:nvPicPr>
            <p:cNvPr id="27" name="Graphic 4">
              <a:extLst>
                <a:ext uri="{FF2B5EF4-FFF2-40B4-BE49-F238E27FC236}">
                  <a16:creationId xmlns:a16="http://schemas.microsoft.com/office/drawing/2014/main" id="{DE49EBFC-1684-441F-8A7D-80DD1779F226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28" name="Graphic 27">
              <a:extLst>
                <a:ext uri="{FF2B5EF4-FFF2-40B4-BE49-F238E27FC236}">
                  <a16:creationId xmlns:a16="http://schemas.microsoft.com/office/drawing/2014/main" id="{B5E958D6-6F8E-4B88-8CB4-7C8E996F56CC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6D30A398-4C2F-44C8-8C5E-700486A43B43}"/>
              </a:ext>
            </a:extLst>
          </p:cNvPr>
          <p:cNvGrpSpPr>
            <a:grpSpLocks noChangeAspect="1"/>
          </p:cNvGrpSpPr>
          <p:nvPr/>
        </p:nvGrpSpPr>
        <p:grpSpPr>
          <a:xfrm>
            <a:off x="5155406" y="2489240"/>
            <a:ext cx="1881188" cy="1881188"/>
            <a:chOff x="92869" y="92869"/>
            <a:chExt cx="1254125" cy="1254125"/>
          </a:xfrm>
        </p:grpSpPr>
        <p:pic>
          <p:nvPicPr>
            <p:cNvPr id="42" name="Graphic 4">
              <a:extLst>
                <a:ext uri="{FF2B5EF4-FFF2-40B4-BE49-F238E27FC236}">
                  <a16:creationId xmlns:a16="http://schemas.microsoft.com/office/drawing/2014/main" id="{4C00995F-66DD-4A8D-BE3C-DDEB815769F3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31" y="179931"/>
              <a:ext cx="1080000" cy="1080000"/>
            </a:xfrm>
            <a:prstGeom prst="rect">
              <a:avLst/>
            </a:prstGeom>
          </p:spPr>
        </p:pic>
        <p:pic>
          <p:nvPicPr>
            <p:cNvPr id="43" name="Graphic 42">
              <a:extLst>
                <a:ext uri="{FF2B5EF4-FFF2-40B4-BE49-F238E27FC236}">
                  <a16:creationId xmlns:a16="http://schemas.microsoft.com/office/drawing/2014/main" id="{115CC9C2-0A93-49DE-8656-8CD3CC3D304C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46391B2B-AF7F-4170-B5B3-58E6D574EC60}"/>
              </a:ext>
            </a:extLst>
          </p:cNvPr>
          <p:cNvGrpSpPr>
            <a:grpSpLocks noChangeAspect="1"/>
          </p:cNvGrpSpPr>
          <p:nvPr/>
        </p:nvGrpSpPr>
        <p:grpSpPr>
          <a:xfrm>
            <a:off x="2544677" y="4604600"/>
            <a:ext cx="1260000" cy="1260000"/>
            <a:chOff x="92869" y="92869"/>
            <a:chExt cx="1254125" cy="1254125"/>
          </a:xfrm>
        </p:grpSpPr>
        <p:pic>
          <p:nvPicPr>
            <p:cNvPr id="45" name="Graphic 4">
              <a:extLst>
                <a:ext uri="{FF2B5EF4-FFF2-40B4-BE49-F238E27FC236}">
                  <a16:creationId xmlns:a16="http://schemas.microsoft.com/office/drawing/2014/main" id="{97A274FA-F3F4-4285-880A-E8ECA5EAE54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46" name="Graphic 45">
              <a:extLst>
                <a:ext uri="{FF2B5EF4-FFF2-40B4-BE49-F238E27FC236}">
                  <a16:creationId xmlns:a16="http://schemas.microsoft.com/office/drawing/2014/main" id="{D52A4EA8-C719-4F7C-B7BF-1C8683F9E7A2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50" name="Group 49">
            <a:extLst>
              <a:ext uri="{FF2B5EF4-FFF2-40B4-BE49-F238E27FC236}">
                <a16:creationId xmlns:a16="http://schemas.microsoft.com/office/drawing/2014/main" id="{6AD4D9C8-0CEB-4BF5-B07A-F835BF6562FB}"/>
              </a:ext>
            </a:extLst>
          </p:cNvPr>
          <p:cNvGrpSpPr>
            <a:grpSpLocks noChangeAspect="1"/>
          </p:cNvGrpSpPr>
          <p:nvPr/>
        </p:nvGrpSpPr>
        <p:grpSpPr>
          <a:xfrm>
            <a:off x="1351441" y="4809158"/>
            <a:ext cx="720000" cy="720000"/>
            <a:chOff x="92869" y="92869"/>
            <a:chExt cx="1254125" cy="1254125"/>
          </a:xfrm>
        </p:grpSpPr>
        <p:pic>
          <p:nvPicPr>
            <p:cNvPr id="51" name="Graphic 4">
              <a:extLst>
                <a:ext uri="{FF2B5EF4-FFF2-40B4-BE49-F238E27FC236}">
                  <a16:creationId xmlns:a16="http://schemas.microsoft.com/office/drawing/2014/main" id="{AB33E6D5-A39B-4078-8B33-0D2DC3AEEED8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52" name="Graphic 51">
              <a:extLst>
                <a:ext uri="{FF2B5EF4-FFF2-40B4-BE49-F238E27FC236}">
                  <a16:creationId xmlns:a16="http://schemas.microsoft.com/office/drawing/2014/main" id="{690F6B6F-7882-4939-ABB9-08A8EE24D770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EA1FE467-3DE8-41E7-9309-1325D00E4CB7}"/>
              </a:ext>
            </a:extLst>
          </p:cNvPr>
          <p:cNvGrpSpPr>
            <a:grpSpLocks noChangeAspect="1"/>
          </p:cNvGrpSpPr>
          <p:nvPr/>
        </p:nvGrpSpPr>
        <p:grpSpPr>
          <a:xfrm>
            <a:off x="2326881" y="3770667"/>
            <a:ext cx="720000" cy="720000"/>
            <a:chOff x="92869" y="92869"/>
            <a:chExt cx="1254125" cy="1254125"/>
          </a:xfrm>
        </p:grpSpPr>
        <p:pic>
          <p:nvPicPr>
            <p:cNvPr id="54" name="Graphic 4">
              <a:extLst>
                <a:ext uri="{FF2B5EF4-FFF2-40B4-BE49-F238E27FC236}">
                  <a16:creationId xmlns:a16="http://schemas.microsoft.com/office/drawing/2014/main" id="{B765B21F-A241-4056-BCC2-4D65605A84CF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55" name="Graphic 54">
              <a:extLst>
                <a:ext uri="{FF2B5EF4-FFF2-40B4-BE49-F238E27FC236}">
                  <a16:creationId xmlns:a16="http://schemas.microsoft.com/office/drawing/2014/main" id="{BB707AB4-DFBA-4D36-980A-C391561C5553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56" name="Group 55">
            <a:extLst>
              <a:ext uri="{FF2B5EF4-FFF2-40B4-BE49-F238E27FC236}">
                <a16:creationId xmlns:a16="http://schemas.microsoft.com/office/drawing/2014/main" id="{DCF965A8-EC1A-49C8-9A3F-5B951E255940}"/>
              </a:ext>
            </a:extLst>
          </p:cNvPr>
          <p:cNvGrpSpPr>
            <a:grpSpLocks noChangeAspect="1"/>
          </p:cNvGrpSpPr>
          <p:nvPr/>
        </p:nvGrpSpPr>
        <p:grpSpPr>
          <a:xfrm>
            <a:off x="5889493" y="5944397"/>
            <a:ext cx="720000" cy="720000"/>
            <a:chOff x="92869" y="92869"/>
            <a:chExt cx="1254125" cy="1254125"/>
          </a:xfrm>
        </p:grpSpPr>
        <p:pic>
          <p:nvPicPr>
            <p:cNvPr id="57" name="Graphic 4">
              <a:extLst>
                <a:ext uri="{FF2B5EF4-FFF2-40B4-BE49-F238E27FC236}">
                  <a16:creationId xmlns:a16="http://schemas.microsoft.com/office/drawing/2014/main" id="{68209C52-E2C1-4561-98E2-BCD880862E26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58" name="Graphic 57">
              <a:extLst>
                <a:ext uri="{FF2B5EF4-FFF2-40B4-BE49-F238E27FC236}">
                  <a16:creationId xmlns:a16="http://schemas.microsoft.com/office/drawing/2014/main" id="{8E9AD735-1713-4607-81C4-D0B19E247D90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59" name="Group 58">
            <a:extLst>
              <a:ext uri="{FF2B5EF4-FFF2-40B4-BE49-F238E27FC236}">
                <a16:creationId xmlns:a16="http://schemas.microsoft.com/office/drawing/2014/main" id="{45104281-D8AA-45A4-B1C5-550BFD0288E7}"/>
              </a:ext>
            </a:extLst>
          </p:cNvPr>
          <p:cNvGrpSpPr>
            <a:grpSpLocks noChangeAspect="1"/>
          </p:cNvGrpSpPr>
          <p:nvPr/>
        </p:nvGrpSpPr>
        <p:grpSpPr>
          <a:xfrm>
            <a:off x="8095965" y="5510974"/>
            <a:ext cx="720000" cy="720000"/>
            <a:chOff x="92869" y="92869"/>
            <a:chExt cx="1254125" cy="1254125"/>
          </a:xfrm>
        </p:grpSpPr>
        <p:pic>
          <p:nvPicPr>
            <p:cNvPr id="60" name="Graphic 4">
              <a:extLst>
                <a:ext uri="{FF2B5EF4-FFF2-40B4-BE49-F238E27FC236}">
                  <a16:creationId xmlns:a16="http://schemas.microsoft.com/office/drawing/2014/main" id="{379BDC9F-2984-42E6-967C-03B3DBFEAF78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61" name="Graphic 60">
              <a:extLst>
                <a:ext uri="{FF2B5EF4-FFF2-40B4-BE49-F238E27FC236}">
                  <a16:creationId xmlns:a16="http://schemas.microsoft.com/office/drawing/2014/main" id="{0CA104CB-0720-4218-B1D3-AF45387F735E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62" name="Group 61">
            <a:extLst>
              <a:ext uri="{FF2B5EF4-FFF2-40B4-BE49-F238E27FC236}">
                <a16:creationId xmlns:a16="http://schemas.microsoft.com/office/drawing/2014/main" id="{BBD3385E-0BE0-4DD4-B91F-10F8972433E8}"/>
              </a:ext>
            </a:extLst>
          </p:cNvPr>
          <p:cNvGrpSpPr>
            <a:grpSpLocks noChangeAspect="1"/>
          </p:cNvGrpSpPr>
          <p:nvPr/>
        </p:nvGrpSpPr>
        <p:grpSpPr>
          <a:xfrm>
            <a:off x="2045274" y="5902828"/>
            <a:ext cx="720000" cy="720000"/>
            <a:chOff x="92869" y="92869"/>
            <a:chExt cx="1254125" cy="1254125"/>
          </a:xfrm>
        </p:grpSpPr>
        <p:pic>
          <p:nvPicPr>
            <p:cNvPr id="63" name="Graphic 4">
              <a:extLst>
                <a:ext uri="{FF2B5EF4-FFF2-40B4-BE49-F238E27FC236}">
                  <a16:creationId xmlns:a16="http://schemas.microsoft.com/office/drawing/2014/main" id="{02C90B73-3F6B-43CC-9D12-E51AD45A80BC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64" name="Graphic 63">
              <a:extLst>
                <a:ext uri="{FF2B5EF4-FFF2-40B4-BE49-F238E27FC236}">
                  <a16:creationId xmlns:a16="http://schemas.microsoft.com/office/drawing/2014/main" id="{4D2489CF-72DB-45C9-BD1E-CB1A8BEB04A8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C929FD28-4457-4086-A905-060CB5F644EF}"/>
              </a:ext>
            </a:extLst>
          </p:cNvPr>
          <p:cNvGrpSpPr>
            <a:grpSpLocks noChangeAspect="1"/>
          </p:cNvGrpSpPr>
          <p:nvPr/>
        </p:nvGrpSpPr>
        <p:grpSpPr>
          <a:xfrm>
            <a:off x="6696949" y="1456861"/>
            <a:ext cx="720000" cy="720000"/>
            <a:chOff x="92869" y="92869"/>
            <a:chExt cx="1254125" cy="1254125"/>
          </a:xfrm>
        </p:grpSpPr>
        <p:pic>
          <p:nvPicPr>
            <p:cNvPr id="66" name="Graphic 4">
              <a:extLst>
                <a:ext uri="{FF2B5EF4-FFF2-40B4-BE49-F238E27FC236}">
                  <a16:creationId xmlns:a16="http://schemas.microsoft.com/office/drawing/2014/main" id="{C92D0D4D-6C0C-49D3-920D-D3BB56910FAC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67" name="Graphic 66">
              <a:extLst>
                <a:ext uri="{FF2B5EF4-FFF2-40B4-BE49-F238E27FC236}">
                  <a16:creationId xmlns:a16="http://schemas.microsoft.com/office/drawing/2014/main" id="{4391F0FC-B1F5-492A-8658-7EAD786AE296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cxnSp>
        <p:nvCxnSpPr>
          <p:cNvPr id="74" name="Straight Connector 73">
            <a:extLst>
              <a:ext uri="{FF2B5EF4-FFF2-40B4-BE49-F238E27FC236}">
                <a16:creationId xmlns:a16="http://schemas.microsoft.com/office/drawing/2014/main" id="{9AE16E3E-921F-40EB-A13E-556733F335C0}"/>
              </a:ext>
            </a:extLst>
          </p:cNvPr>
          <p:cNvCxnSpPr>
            <a:cxnSpLocks/>
          </p:cNvCxnSpPr>
          <p:nvPr/>
        </p:nvCxnSpPr>
        <p:spPr>
          <a:xfrm flipH="1">
            <a:off x="6819342" y="2793523"/>
            <a:ext cx="1050152" cy="40799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3B4B8473-3369-4723-BD9A-6D6DF0C79FA3}"/>
              </a:ext>
            </a:extLst>
          </p:cNvPr>
          <p:cNvCxnSpPr>
            <a:cxnSpLocks/>
          </p:cNvCxnSpPr>
          <p:nvPr/>
        </p:nvCxnSpPr>
        <p:spPr>
          <a:xfrm>
            <a:off x="6321882" y="3929949"/>
            <a:ext cx="680744" cy="935835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81">
            <a:extLst>
              <a:ext uri="{FF2B5EF4-FFF2-40B4-BE49-F238E27FC236}">
                <a16:creationId xmlns:a16="http://schemas.microsoft.com/office/drawing/2014/main" id="{91B9F68E-8013-4D2F-AE65-36291A9BE764}"/>
              </a:ext>
            </a:extLst>
          </p:cNvPr>
          <p:cNvCxnSpPr>
            <a:cxnSpLocks/>
          </p:cNvCxnSpPr>
          <p:nvPr/>
        </p:nvCxnSpPr>
        <p:spPr>
          <a:xfrm flipV="1">
            <a:off x="2487845" y="5597639"/>
            <a:ext cx="453910" cy="591766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Straight Connector 82">
            <a:extLst>
              <a:ext uri="{FF2B5EF4-FFF2-40B4-BE49-F238E27FC236}">
                <a16:creationId xmlns:a16="http://schemas.microsoft.com/office/drawing/2014/main" id="{22556A67-0501-4E4C-A264-C9E2F8FE3B39}"/>
              </a:ext>
            </a:extLst>
          </p:cNvPr>
          <p:cNvCxnSpPr>
            <a:cxnSpLocks/>
          </p:cNvCxnSpPr>
          <p:nvPr/>
        </p:nvCxnSpPr>
        <p:spPr>
          <a:xfrm flipH="1">
            <a:off x="6383021" y="5624304"/>
            <a:ext cx="619606" cy="551596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Straight Connector 83">
            <a:extLst>
              <a:ext uri="{FF2B5EF4-FFF2-40B4-BE49-F238E27FC236}">
                <a16:creationId xmlns:a16="http://schemas.microsoft.com/office/drawing/2014/main" id="{F115394D-7F94-4C2F-89EB-9692E31787F4}"/>
              </a:ext>
            </a:extLst>
          </p:cNvPr>
          <p:cNvCxnSpPr>
            <a:cxnSpLocks/>
          </p:cNvCxnSpPr>
          <p:nvPr/>
        </p:nvCxnSpPr>
        <p:spPr>
          <a:xfrm flipH="1" flipV="1">
            <a:off x="1658843" y="5169158"/>
            <a:ext cx="1121262" cy="48183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Straight Connector 84">
            <a:extLst>
              <a:ext uri="{FF2B5EF4-FFF2-40B4-BE49-F238E27FC236}">
                <a16:creationId xmlns:a16="http://schemas.microsoft.com/office/drawing/2014/main" id="{93A84D1F-2DF5-4071-9917-3D3C4937C687}"/>
              </a:ext>
            </a:extLst>
          </p:cNvPr>
          <p:cNvCxnSpPr>
            <a:cxnSpLocks/>
          </p:cNvCxnSpPr>
          <p:nvPr/>
        </p:nvCxnSpPr>
        <p:spPr>
          <a:xfrm flipH="1" flipV="1">
            <a:off x="2765258" y="4381567"/>
            <a:ext cx="153722" cy="512907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39FAD8CF-7F3E-4262-A8E0-7A62D5A9E4FC}"/>
              </a:ext>
            </a:extLst>
          </p:cNvPr>
          <p:cNvCxnSpPr>
            <a:cxnSpLocks/>
          </p:cNvCxnSpPr>
          <p:nvPr/>
        </p:nvCxnSpPr>
        <p:spPr>
          <a:xfrm>
            <a:off x="7672927" y="5594220"/>
            <a:ext cx="549290" cy="219034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Straight Connector 96">
            <a:extLst>
              <a:ext uri="{FF2B5EF4-FFF2-40B4-BE49-F238E27FC236}">
                <a16:creationId xmlns:a16="http://schemas.microsoft.com/office/drawing/2014/main" id="{7BAC4AFD-47FF-4F53-B9BE-342DF1766962}"/>
              </a:ext>
            </a:extLst>
          </p:cNvPr>
          <p:cNvCxnSpPr>
            <a:cxnSpLocks/>
          </p:cNvCxnSpPr>
          <p:nvPr/>
        </p:nvCxnSpPr>
        <p:spPr>
          <a:xfrm flipH="1">
            <a:off x="2765259" y="2997351"/>
            <a:ext cx="402532" cy="918269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Straight Connector 99">
            <a:extLst>
              <a:ext uri="{FF2B5EF4-FFF2-40B4-BE49-F238E27FC236}">
                <a16:creationId xmlns:a16="http://schemas.microsoft.com/office/drawing/2014/main" id="{428C3850-B5B1-40C6-B977-B71C2FF1F42E}"/>
              </a:ext>
            </a:extLst>
          </p:cNvPr>
          <p:cNvCxnSpPr>
            <a:cxnSpLocks/>
          </p:cNvCxnSpPr>
          <p:nvPr/>
        </p:nvCxnSpPr>
        <p:spPr>
          <a:xfrm flipH="1">
            <a:off x="6436177" y="1972701"/>
            <a:ext cx="566449" cy="829236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Connector 102">
            <a:extLst>
              <a:ext uri="{FF2B5EF4-FFF2-40B4-BE49-F238E27FC236}">
                <a16:creationId xmlns:a16="http://schemas.microsoft.com/office/drawing/2014/main" id="{F3D34C18-A3B4-4CBF-8AA3-D14C86F67FB2}"/>
              </a:ext>
            </a:extLst>
          </p:cNvPr>
          <p:cNvCxnSpPr>
            <a:cxnSpLocks/>
          </p:cNvCxnSpPr>
          <p:nvPr/>
        </p:nvCxnSpPr>
        <p:spPr>
          <a:xfrm flipH="1" flipV="1">
            <a:off x="7223592" y="1972701"/>
            <a:ext cx="784889" cy="317005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9" name="Group 68">
            <a:extLst>
              <a:ext uri="{FF2B5EF4-FFF2-40B4-BE49-F238E27FC236}">
                <a16:creationId xmlns:a16="http://schemas.microsoft.com/office/drawing/2014/main" id="{3E6D3788-EF15-4A08-8264-6CE464DFC0E3}"/>
              </a:ext>
            </a:extLst>
          </p:cNvPr>
          <p:cNvGrpSpPr>
            <a:grpSpLocks noChangeAspect="1"/>
          </p:cNvGrpSpPr>
          <p:nvPr/>
        </p:nvGrpSpPr>
        <p:grpSpPr>
          <a:xfrm>
            <a:off x="4552643" y="1360168"/>
            <a:ext cx="1254125" cy="1254125"/>
            <a:chOff x="92869" y="92869"/>
            <a:chExt cx="1254125" cy="1254125"/>
          </a:xfrm>
        </p:grpSpPr>
        <p:pic>
          <p:nvPicPr>
            <p:cNvPr id="70" name="Graphic 4">
              <a:extLst>
                <a:ext uri="{FF2B5EF4-FFF2-40B4-BE49-F238E27FC236}">
                  <a16:creationId xmlns:a16="http://schemas.microsoft.com/office/drawing/2014/main" id="{48016EAF-2413-4A0D-BE50-F45CB47F152F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31" y="179931"/>
              <a:ext cx="1080000" cy="1080000"/>
            </a:xfrm>
            <a:prstGeom prst="rect">
              <a:avLst/>
            </a:prstGeom>
          </p:spPr>
        </p:pic>
        <p:pic>
          <p:nvPicPr>
            <p:cNvPr id="71" name="Graphic 70">
              <a:extLst>
                <a:ext uri="{FF2B5EF4-FFF2-40B4-BE49-F238E27FC236}">
                  <a16:creationId xmlns:a16="http://schemas.microsoft.com/office/drawing/2014/main" id="{0CA764FF-5784-43F7-91AC-FF8F92D28825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73" name="Group 72">
            <a:extLst>
              <a:ext uri="{FF2B5EF4-FFF2-40B4-BE49-F238E27FC236}">
                <a16:creationId xmlns:a16="http://schemas.microsoft.com/office/drawing/2014/main" id="{627B2AFF-67A1-44FF-B8A8-092F7F7D11CC}"/>
              </a:ext>
            </a:extLst>
          </p:cNvPr>
          <p:cNvGrpSpPr>
            <a:grpSpLocks noChangeAspect="1"/>
          </p:cNvGrpSpPr>
          <p:nvPr/>
        </p:nvGrpSpPr>
        <p:grpSpPr>
          <a:xfrm>
            <a:off x="4540915" y="4604600"/>
            <a:ext cx="1254125" cy="1254125"/>
            <a:chOff x="92869" y="92869"/>
            <a:chExt cx="1254125" cy="1254125"/>
          </a:xfrm>
        </p:grpSpPr>
        <p:pic>
          <p:nvPicPr>
            <p:cNvPr id="76" name="Graphic 4">
              <a:extLst>
                <a:ext uri="{FF2B5EF4-FFF2-40B4-BE49-F238E27FC236}">
                  <a16:creationId xmlns:a16="http://schemas.microsoft.com/office/drawing/2014/main" id="{8572C999-2C96-4E83-B218-2C1EB3680EDB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31" y="179931"/>
              <a:ext cx="1080000" cy="1080000"/>
            </a:xfrm>
            <a:prstGeom prst="rect">
              <a:avLst/>
            </a:prstGeom>
          </p:spPr>
        </p:pic>
        <p:pic>
          <p:nvPicPr>
            <p:cNvPr id="77" name="Graphic 76">
              <a:extLst>
                <a:ext uri="{FF2B5EF4-FFF2-40B4-BE49-F238E27FC236}">
                  <a16:creationId xmlns:a16="http://schemas.microsoft.com/office/drawing/2014/main" id="{C38366B5-A163-4ACE-A5C7-6B59D6487244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78" name="Group 77">
            <a:extLst>
              <a:ext uri="{FF2B5EF4-FFF2-40B4-BE49-F238E27FC236}">
                <a16:creationId xmlns:a16="http://schemas.microsoft.com/office/drawing/2014/main" id="{F7138EA7-AA52-4F58-A43E-947B08BC16E9}"/>
              </a:ext>
            </a:extLst>
          </p:cNvPr>
          <p:cNvGrpSpPr>
            <a:grpSpLocks noChangeAspect="1"/>
          </p:cNvGrpSpPr>
          <p:nvPr/>
        </p:nvGrpSpPr>
        <p:grpSpPr>
          <a:xfrm>
            <a:off x="7748661" y="3512018"/>
            <a:ext cx="1254125" cy="1254125"/>
            <a:chOff x="92869" y="92869"/>
            <a:chExt cx="1254125" cy="1254125"/>
          </a:xfrm>
        </p:grpSpPr>
        <p:pic>
          <p:nvPicPr>
            <p:cNvPr id="79" name="Graphic 4">
              <a:extLst>
                <a:ext uri="{FF2B5EF4-FFF2-40B4-BE49-F238E27FC236}">
                  <a16:creationId xmlns:a16="http://schemas.microsoft.com/office/drawing/2014/main" id="{5CD840F2-F0B9-4596-973D-7E4D2C159913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79931" y="179931"/>
              <a:ext cx="1080000" cy="1080000"/>
            </a:xfrm>
            <a:prstGeom prst="rect">
              <a:avLst/>
            </a:prstGeom>
          </p:spPr>
        </p:pic>
        <p:pic>
          <p:nvPicPr>
            <p:cNvPr id="80" name="Graphic 79">
              <a:extLst>
                <a:ext uri="{FF2B5EF4-FFF2-40B4-BE49-F238E27FC236}">
                  <a16:creationId xmlns:a16="http://schemas.microsoft.com/office/drawing/2014/main" id="{8F2B467F-C4FB-4A58-A003-CC0E788D2FE1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1844474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0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500"/>
                            </p:stCondLst>
                            <p:childTnLst>
                              <p:par>
                                <p:cTn id="22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1000"/>
                            </p:stCondLst>
                            <p:childTnLst>
                              <p:par>
                                <p:cTn id="26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8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1500"/>
                            </p:stCondLst>
                            <p:childTnLst>
                              <p:par>
                                <p:cTn id="3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2000"/>
                            </p:stCondLst>
                            <p:childTnLst>
                              <p:par>
                                <p:cTn id="34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36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2500"/>
                            </p:stCondLst>
                            <p:childTnLst>
                              <p:par>
                                <p:cTn id="38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3000"/>
                            </p:stCondLst>
                            <p:childTnLst>
                              <p:par>
                                <p:cTn id="42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4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3500"/>
                            </p:stCondLst>
                            <p:childTnLst>
                              <p:par>
                                <p:cTn id="46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4000"/>
                            </p:stCondLst>
                            <p:childTnLst>
                              <p:par>
                                <p:cTn id="5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3" fill="hold">
                            <p:stCondLst>
                              <p:cond delay="4500"/>
                            </p:stCondLst>
                            <p:childTnLst>
                              <p:par>
                                <p:cTn id="54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1" dur="10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4" dur="10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2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67" dur="10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0" dur="10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3" dur="10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6" dur="10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9" dur="10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1000"/>
                            </p:stCondLst>
                            <p:childTnLst>
                              <p:par>
                                <p:cTn id="8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10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10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10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10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10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6" fill="hold">
                      <p:stCondLst>
                        <p:cond delay="indefinite"/>
                      </p:stCondLst>
                      <p:childTnLst>
                        <p:par>
                          <p:cTn id="97" fill="hold">
                            <p:stCondLst>
                              <p:cond delay="0"/>
                            </p:stCondLst>
                            <p:childTnLst>
                              <p:par>
                                <p:cTn id="9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1000"/>
                            </p:stCondLst>
                            <p:childTnLst>
                              <p:par>
                                <p:cTn id="101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3" fill="hold">
                            <p:stCondLst>
                              <p:cond delay="2000"/>
                            </p:stCondLst>
                            <p:childTnLst>
                              <p:par>
                                <p:cTn id="104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AC1CFC-49CF-4181-82A6-2DC88AB8A1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DU er ‘gatekeeper’ for nye teknologi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56B41B-DA8B-4E48-AC65-CADC5AC923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285D2C3-1B24-4EC3-B249-9C3BBF727012}" type="datetime3">
              <a:rPr kumimoji="0" lang="da-DK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6.04.2022</a:t>
            </a:fld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6910B329-BFFE-4B87-9724-8BBA4DE40BD5}"/>
              </a:ext>
            </a:extLst>
          </p:cNvPr>
          <p:cNvGrpSpPr/>
          <p:nvPr/>
        </p:nvGrpSpPr>
        <p:grpSpPr>
          <a:xfrm>
            <a:off x="703031" y="1938695"/>
            <a:ext cx="11139530" cy="3907087"/>
            <a:chOff x="703031" y="1938695"/>
            <a:chExt cx="11139530" cy="3907087"/>
          </a:xfrm>
        </p:grpSpPr>
        <p:cxnSp>
          <p:nvCxnSpPr>
            <p:cNvPr id="78" name="Straight Connector 77">
              <a:extLst>
                <a:ext uri="{FF2B5EF4-FFF2-40B4-BE49-F238E27FC236}">
                  <a16:creationId xmlns:a16="http://schemas.microsoft.com/office/drawing/2014/main" id="{8176E585-A214-438E-A70B-2DEAA35ABC2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0294758" y="2411960"/>
              <a:ext cx="6961" cy="1560354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628670E2-5202-BA41-8B23-2B7D583F4EB9}"/>
                </a:ext>
              </a:extLst>
            </p:cNvPr>
            <p:cNvCxnSpPr>
              <a:cxnSpLocks/>
              <a:endCxn id="42" idx="2"/>
            </p:cNvCxnSpPr>
            <p:nvPr/>
          </p:nvCxnSpPr>
          <p:spPr>
            <a:xfrm>
              <a:off x="1367620" y="3720929"/>
              <a:ext cx="0" cy="1642337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BA20C367-2220-104A-AEA4-DF90B3E98B59}"/>
                </a:ext>
              </a:extLst>
            </p:cNvPr>
            <p:cNvCxnSpPr>
              <a:cxnSpLocks/>
              <a:endCxn id="59" idx="2"/>
            </p:cNvCxnSpPr>
            <p:nvPr/>
          </p:nvCxnSpPr>
          <p:spPr>
            <a:xfrm>
              <a:off x="2339063" y="3720929"/>
              <a:ext cx="0" cy="1642337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Arc 41">
              <a:extLst>
                <a:ext uri="{FF2B5EF4-FFF2-40B4-BE49-F238E27FC236}">
                  <a16:creationId xmlns:a16="http://schemas.microsoft.com/office/drawing/2014/main" id="{BEC8FA84-541A-B848-B101-4DF0A404275F}"/>
                </a:ext>
              </a:extLst>
            </p:cNvPr>
            <p:cNvSpPr/>
            <p:nvPr/>
          </p:nvSpPr>
          <p:spPr>
            <a:xfrm rot="10800000">
              <a:off x="1367620" y="4889770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9" name="Arc 58">
              <a:extLst>
                <a:ext uri="{FF2B5EF4-FFF2-40B4-BE49-F238E27FC236}">
                  <a16:creationId xmlns:a16="http://schemas.microsoft.com/office/drawing/2014/main" id="{17A8B695-43E7-2D4D-A65E-3FFD2F3E24AF}"/>
                </a:ext>
              </a:extLst>
            </p:cNvPr>
            <p:cNvSpPr/>
            <p:nvPr/>
          </p:nvSpPr>
          <p:spPr>
            <a:xfrm rot="10800000" flipH="1">
              <a:off x="1367462" y="4889770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0" name="Arc 59">
              <a:extLst>
                <a:ext uri="{FF2B5EF4-FFF2-40B4-BE49-F238E27FC236}">
                  <a16:creationId xmlns:a16="http://schemas.microsoft.com/office/drawing/2014/main" id="{0855E9EA-9890-8E40-A585-7BB26BC377C2}"/>
                </a:ext>
              </a:extLst>
            </p:cNvPr>
            <p:cNvSpPr/>
            <p:nvPr/>
          </p:nvSpPr>
          <p:spPr>
            <a:xfrm>
              <a:off x="2340479" y="1944283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1" name="Arc 60">
              <a:extLst>
                <a:ext uri="{FF2B5EF4-FFF2-40B4-BE49-F238E27FC236}">
                  <a16:creationId xmlns:a16="http://schemas.microsoft.com/office/drawing/2014/main" id="{CC15AAD9-F139-4F47-ABBA-A0DCAC870FE2}"/>
                </a:ext>
              </a:extLst>
            </p:cNvPr>
            <p:cNvSpPr/>
            <p:nvPr/>
          </p:nvSpPr>
          <p:spPr>
            <a:xfrm flipH="1">
              <a:off x="2340321" y="1944283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cxnSp>
          <p:nvCxnSpPr>
            <p:cNvPr id="71" name="Straight Connector 70">
              <a:extLst>
                <a:ext uri="{FF2B5EF4-FFF2-40B4-BE49-F238E27FC236}">
                  <a16:creationId xmlns:a16="http://schemas.microsoft.com/office/drawing/2014/main" id="{AF18058C-F608-E147-ADBE-2476A19F9EBC}"/>
                </a:ext>
              </a:extLst>
            </p:cNvPr>
            <p:cNvCxnSpPr>
              <a:cxnSpLocks/>
              <a:stCxn id="60" idx="2"/>
            </p:cNvCxnSpPr>
            <p:nvPr/>
          </p:nvCxnSpPr>
          <p:spPr>
            <a:xfrm flipH="1">
              <a:off x="3311922" y="2417779"/>
              <a:ext cx="158" cy="1424689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Straight Connector 79">
              <a:extLst>
                <a:ext uri="{FF2B5EF4-FFF2-40B4-BE49-F238E27FC236}">
                  <a16:creationId xmlns:a16="http://schemas.microsoft.com/office/drawing/2014/main" id="{C9CF0AD1-FBDD-AA4C-94D1-B7A624D9E474}"/>
                </a:ext>
              </a:extLst>
            </p:cNvPr>
            <p:cNvCxnSpPr>
              <a:cxnSpLocks/>
              <a:endCxn id="83" idx="2"/>
            </p:cNvCxnSpPr>
            <p:nvPr/>
          </p:nvCxnSpPr>
          <p:spPr>
            <a:xfrm>
              <a:off x="3346866" y="4153989"/>
              <a:ext cx="0" cy="1209278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Straight Connector 80">
              <a:extLst>
                <a:ext uri="{FF2B5EF4-FFF2-40B4-BE49-F238E27FC236}">
                  <a16:creationId xmlns:a16="http://schemas.microsoft.com/office/drawing/2014/main" id="{8D6961E6-B0E3-2144-B3CF-4CB31C7D5B4B}"/>
                </a:ext>
              </a:extLst>
            </p:cNvPr>
            <p:cNvCxnSpPr>
              <a:cxnSpLocks/>
              <a:endCxn id="84" idx="2"/>
            </p:cNvCxnSpPr>
            <p:nvPr/>
          </p:nvCxnSpPr>
          <p:spPr>
            <a:xfrm>
              <a:off x="4318309" y="3844881"/>
              <a:ext cx="0" cy="1518386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3" name="Arc 82">
              <a:extLst>
                <a:ext uri="{FF2B5EF4-FFF2-40B4-BE49-F238E27FC236}">
                  <a16:creationId xmlns:a16="http://schemas.microsoft.com/office/drawing/2014/main" id="{763E3EC7-47D0-F845-826A-D96F92BBB469}"/>
                </a:ext>
              </a:extLst>
            </p:cNvPr>
            <p:cNvSpPr/>
            <p:nvPr/>
          </p:nvSpPr>
          <p:spPr>
            <a:xfrm rot="10800000">
              <a:off x="3346866" y="4889771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4" name="Arc 83">
              <a:extLst>
                <a:ext uri="{FF2B5EF4-FFF2-40B4-BE49-F238E27FC236}">
                  <a16:creationId xmlns:a16="http://schemas.microsoft.com/office/drawing/2014/main" id="{12265D2A-397C-C346-8559-0B04876BF1CA}"/>
                </a:ext>
              </a:extLst>
            </p:cNvPr>
            <p:cNvSpPr/>
            <p:nvPr/>
          </p:nvSpPr>
          <p:spPr>
            <a:xfrm rot="10800000" flipH="1">
              <a:off x="3346708" y="4889771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cxnSp>
          <p:nvCxnSpPr>
            <p:cNvPr id="86" name="Straight Connector 85">
              <a:extLst>
                <a:ext uri="{FF2B5EF4-FFF2-40B4-BE49-F238E27FC236}">
                  <a16:creationId xmlns:a16="http://schemas.microsoft.com/office/drawing/2014/main" id="{6779C6D3-D183-8645-8FF5-B10362598E16}"/>
                </a:ext>
              </a:extLst>
            </p:cNvPr>
            <p:cNvCxnSpPr>
              <a:cxnSpLocks/>
              <a:endCxn id="89" idx="2"/>
            </p:cNvCxnSpPr>
            <p:nvPr/>
          </p:nvCxnSpPr>
          <p:spPr>
            <a:xfrm>
              <a:off x="5338522" y="3975652"/>
              <a:ext cx="0" cy="1396634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7" name="Straight Connector 86">
              <a:extLst>
                <a:ext uri="{FF2B5EF4-FFF2-40B4-BE49-F238E27FC236}">
                  <a16:creationId xmlns:a16="http://schemas.microsoft.com/office/drawing/2014/main" id="{CAC2DCD7-9AF6-9E4D-960D-00FD2BFEE685}"/>
                </a:ext>
              </a:extLst>
            </p:cNvPr>
            <p:cNvCxnSpPr>
              <a:cxnSpLocks/>
              <a:endCxn id="90" idx="2"/>
            </p:cNvCxnSpPr>
            <p:nvPr/>
          </p:nvCxnSpPr>
          <p:spPr>
            <a:xfrm>
              <a:off x="6309965" y="4039263"/>
              <a:ext cx="0" cy="1333023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9" name="Arc 88">
              <a:extLst>
                <a:ext uri="{FF2B5EF4-FFF2-40B4-BE49-F238E27FC236}">
                  <a16:creationId xmlns:a16="http://schemas.microsoft.com/office/drawing/2014/main" id="{8E79E330-DC7E-A34A-95A6-5AE79CDD5662}"/>
                </a:ext>
              </a:extLst>
            </p:cNvPr>
            <p:cNvSpPr/>
            <p:nvPr/>
          </p:nvSpPr>
          <p:spPr>
            <a:xfrm rot="10800000">
              <a:off x="5338522" y="4898790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0" name="Arc 89">
              <a:extLst>
                <a:ext uri="{FF2B5EF4-FFF2-40B4-BE49-F238E27FC236}">
                  <a16:creationId xmlns:a16="http://schemas.microsoft.com/office/drawing/2014/main" id="{E3FEB071-4F45-FC4F-B46F-312159F6E135}"/>
                </a:ext>
              </a:extLst>
            </p:cNvPr>
            <p:cNvSpPr/>
            <p:nvPr/>
          </p:nvSpPr>
          <p:spPr>
            <a:xfrm rot="10800000" flipH="1">
              <a:off x="5338364" y="4898790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cxnSp>
          <p:nvCxnSpPr>
            <p:cNvPr id="92" name="Straight Connector 91">
              <a:extLst>
                <a:ext uri="{FF2B5EF4-FFF2-40B4-BE49-F238E27FC236}">
                  <a16:creationId xmlns:a16="http://schemas.microsoft.com/office/drawing/2014/main" id="{3238EBD7-5028-334A-A733-246A63C186F3}"/>
                </a:ext>
              </a:extLst>
            </p:cNvPr>
            <p:cNvCxnSpPr>
              <a:cxnSpLocks/>
              <a:endCxn id="95" idx="2"/>
            </p:cNvCxnSpPr>
            <p:nvPr/>
          </p:nvCxnSpPr>
          <p:spPr>
            <a:xfrm>
              <a:off x="7325058" y="4153989"/>
              <a:ext cx="0" cy="1209277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3" name="Straight Connector 92">
              <a:extLst>
                <a:ext uri="{FF2B5EF4-FFF2-40B4-BE49-F238E27FC236}">
                  <a16:creationId xmlns:a16="http://schemas.microsoft.com/office/drawing/2014/main" id="{B2C730A5-CDDA-2E43-893E-FC2A077E1112}"/>
                </a:ext>
              </a:extLst>
            </p:cNvPr>
            <p:cNvCxnSpPr>
              <a:cxnSpLocks/>
              <a:endCxn id="96" idx="2"/>
            </p:cNvCxnSpPr>
            <p:nvPr/>
          </p:nvCxnSpPr>
          <p:spPr>
            <a:xfrm>
              <a:off x="8296501" y="3975652"/>
              <a:ext cx="0" cy="1387614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5" name="Arc 94">
              <a:extLst>
                <a:ext uri="{FF2B5EF4-FFF2-40B4-BE49-F238E27FC236}">
                  <a16:creationId xmlns:a16="http://schemas.microsoft.com/office/drawing/2014/main" id="{B601EE1F-4E15-FD43-AD22-B7CCFAA15DDD}"/>
                </a:ext>
              </a:extLst>
            </p:cNvPr>
            <p:cNvSpPr/>
            <p:nvPr/>
          </p:nvSpPr>
          <p:spPr>
            <a:xfrm rot="10800000">
              <a:off x="7325058" y="4889770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6" name="Arc 95">
              <a:extLst>
                <a:ext uri="{FF2B5EF4-FFF2-40B4-BE49-F238E27FC236}">
                  <a16:creationId xmlns:a16="http://schemas.microsoft.com/office/drawing/2014/main" id="{5FCA4B00-B87A-8140-AAB9-2D144E5F8DF6}"/>
                </a:ext>
              </a:extLst>
            </p:cNvPr>
            <p:cNvSpPr/>
            <p:nvPr/>
          </p:nvSpPr>
          <p:spPr>
            <a:xfrm rot="10800000" flipH="1">
              <a:off x="7324900" y="4889770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cxnSp>
          <p:nvCxnSpPr>
            <p:cNvPr id="97" name="Straight Connector 96">
              <a:extLst>
                <a:ext uri="{FF2B5EF4-FFF2-40B4-BE49-F238E27FC236}">
                  <a16:creationId xmlns:a16="http://schemas.microsoft.com/office/drawing/2014/main" id="{967B355F-0044-4342-B3C4-44B1DEC6C7FA}"/>
                </a:ext>
              </a:extLst>
            </p:cNvPr>
            <p:cNvCxnSpPr>
              <a:cxnSpLocks/>
              <a:endCxn id="99" idx="2"/>
            </p:cNvCxnSpPr>
            <p:nvPr/>
          </p:nvCxnSpPr>
          <p:spPr>
            <a:xfrm>
              <a:off x="9310194" y="3975652"/>
              <a:ext cx="0" cy="1387845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8" name="Straight Connector 97">
              <a:extLst>
                <a:ext uri="{FF2B5EF4-FFF2-40B4-BE49-F238E27FC236}">
                  <a16:creationId xmlns:a16="http://schemas.microsoft.com/office/drawing/2014/main" id="{E8EDF633-A215-5C4F-8DC3-5492F5D56AA2}"/>
                </a:ext>
              </a:extLst>
            </p:cNvPr>
            <p:cNvCxnSpPr>
              <a:cxnSpLocks/>
              <a:endCxn id="100" idx="2"/>
            </p:cNvCxnSpPr>
            <p:nvPr/>
          </p:nvCxnSpPr>
          <p:spPr>
            <a:xfrm flipH="1">
              <a:off x="10281637" y="3930732"/>
              <a:ext cx="2394" cy="1432765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9" name="Arc 98">
              <a:extLst>
                <a:ext uri="{FF2B5EF4-FFF2-40B4-BE49-F238E27FC236}">
                  <a16:creationId xmlns:a16="http://schemas.microsoft.com/office/drawing/2014/main" id="{1D0D1EC2-98D4-9149-AD7F-EFBF306B963C}"/>
                </a:ext>
              </a:extLst>
            </p:cNvPr>
            <p:cNvSpPr/>
            <p:nvPr/>
          </p:nvSpPr>
          <p:spPr>
            <a:xfrm rot="10800000">
              <a:off x="9310194" y="4890001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00" name="Arc 99">
              <a:extLst>
                <a:ext uri="{FF2B5EF4-FFF2-40B4-BE49-F238E27FC236}">
                  <a16:creationId xmlns:a16="http://schemas.microsoft.com/office/drawing/2014/main" id="{3386C5C0-3EAB-0743-8D21-64C4694DCA98}"/>
                </a:ext>
              </a:extLst>
            </p:cNvPr>
            <p:cNvSpPr/>
            <p:nvPr/>
          </p:nvSpPr>
          <p:spPr>
            <a:xfrm rot="10800000" flipH="1">
              <a:off x="9310036" y="4890001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0" name="Arc 129">
              <a:extLst>
                <a:ext uri="{FF2B5EF4-FFF2-40B4-BE49-F238E27FC236}">
                  <a16:creationId xmlns:a16="http://schemas.microsoft.com/office/drawing/2014/main" id="{D84FD839-7D3D-634F-A123-6CCF294DE1C1}"/>
                </a:ext>
              </a:extLst>
            </p:cNvPr>
            <p:cNvSpPr/>
            <p:nvPr/>
          </p:nvSpPr>
          <p:spPr>
            <a:xfrm>
              <a:off x="10299642" y="1938695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1" name="Arc 130">
              <a:extLst>
                <a:ext uri="{FF2B5EF4-FFF2-40B4-BE49-F238E27FC236}">
                  <a16:creationId xmlns:a16="http://schemas.microsoft.com/office/drawing/2014/main" id="{5FBE2023-2D24-DC4A-9862-AA2F6B1F3564}"/>
                </a:ext>
              </a:extLst>
            </p:cNvPr>
            <p:cNvSpPr/>
            <p:nvPr/>
          </p:nvSpPr>
          <p:spPr>
            <a:xfrm flipH="1">
              <a:off x="10311359" y="1938695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1165D251-B0E7-BD44-9B0A-DBABB0EF6CB4}"/>
                </a:ext>
              </a:extLst>
            </p:cNvPr>
            <p:cNvCxnSpPr>
              <a:cxnSpLocks/>
            </p:cNvCxnSpPr>
            <p:nvPr/>
          </p:nvCxnSpPr>
          <p:spPr>
            <a:xfrm>
              <a:off x="11271085" y="2412191"/>
              <a:ext cx="0" cy="1432690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3" name="Straight Connector 132">
              <a:extLst>
                <a:ext uri="{FF2B5EF4-FFF2-40B4-BE49-F238E27FC236}">
                  <a16:creationId xmlns:a16="http://schemas.microsoft.com/office/drawing/2014/main" id="{7CF10E09-4E06-EE47-8F71-B7B6C0F9D5C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340321" y="2412191"/>
              <a:ext cx="158" cy="1424689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CA06FEFE-4D0A-724D-9D84-5F62F749A97E}"/>
                </a:ext>
              </a:extLst>
            </p:cNvPr>
            <p:cNvSpPr/>
            <p:nvPr/>
          </p:nvSpPr>
          <p:spPr>
            <a:xfrm>
              <a:off x="2643283" y="4516989"/>
              <a:ext cx="1417952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eknologimodning</a:t>
              </a: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AAFE8884-8854-BB4E-B122-3595DF3DD765}"/>
                </a:ext>
              </a:extLst>
            </p:cNvPr>
            <p:cNvSpPr/>
            <p:nvPr/>
          </p:nvSpPr>
          <p:spPr>
            <a:xfrm>
              <a:off x="4579760" y="4516989"/>
              <a:ext cx="1511952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Udvikling og design</a:t>
              </a: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5F915B94-6ED1-AB49-90CF-1496BB39D19F}"/>
                </a:ext>
              </a:extLst>
            </p:cNvPr>
            <p:cNvSpPr/>
            <p:nvPr/>
          </p:nvSpPr>
          <p:spPr>
            <a:xfrm>
              <a:off x="6625461" y="4516989"/>
              <a:ext cx="1410964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0-serie produktion</a:t>
              </a:r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06447E4F-EE60-B244-8CE7-9D9359F0C783}"/>
                </a:ext>
              </a:extLst>
            </p:cNvPr>
            <p:cNvSpPr/>
            <p:nvPr/>
          </p:nvSpPr>
          <p:spPr>
            <a:xfrm>
              <a:off x="8809965" y="4516989"/>
              <a:ext cx="984564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nvendelse</a:t>
              </a: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8CAB62CE-9882-DC4B-9B05-8EA987EB5E8A}"/>
                </a:ext>
              </a:extLst>
            </p:cNvPr>
            <p:cNvSpPr/>
            <p:nvPr/>
          </p:nvSpPr>
          <p:spPr>
            <a:xfrm>
              <a:off x="10772588" y="4516989"/>
              <a:ext cx="1069973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ortskaffelse</a:t>
              </a:r>
            </a:p>
          </p:txBody>
        </p:sp>
        <p:cxnSp>
          <p:nvCxnSpPr>
            <p:cNvPr id="135" name="Straight Connector 134">
              <a:extLst>
                <a:ext uri="{FF2B5EF4-FFF2-40B4-BE49-F238E27FC236}">
                  <a16:creationId xmlns:a16="http://schemas.microsoft.com/office/drawing/2014/main" id="{0F9FC0A6-BCC3-524B-982E-9D7210A8EB68}"/>
                </a:ext>
              </a:extLst>
            </p:cNvPr>
            <p:cNvCxnSpPr>
              <a:cxnSpLocks/>
              <a:stCxn id="137" idx="2"/>
            </p:cNvCxnSpPr>
            <p:nvPr/>
          </p:nvCxnSpPr>
          <p:spPr>
            <a:xfrm flipH="1">
              <a:off x="8290331" y="2412191"/>
              <a:ext cx="6762" cy="1118188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6" name="Arc 135">
              <a:extLst>
                <a:ext uri="{FF2B5EF4-FFF2-40B4-BE49-F238E27FC236}">
                  <a16:creationId xmlns:a16="http://schemas.microsoft.com/office/drawing/2014/main" id="{47D3AFC0-F6E8-EB4D-ABD2-4B49B233D6D5}"/>
                </a:ext>
              </a:extLst>
            </p:cNvPr>
            <p:cNvSpPr/>
            <p:nvPr/>
          </p:nvSpPr>
          <p:spPr>
            <a:xfrm>
              <a:off x="8297251" y="1938695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7" name="Arc 136">
              <a:extLst>
                <a:ext uri="{FF2B5EF4-FFF2-40B4-BE49-F238E27FC236}">
                  <a16:creationId xmlns:a16="http://schemas.microsoft.com/office/drawing/2014/main" id="{36EBEBF6-5256-B043-BC8E-97F2372E5033}"/>
                </a:ext>
              </a:extLst>
            </p:cNvPr>
            <p:cNvSpPr/>
            <p:nvPr/>
          </p:nvSpPr>
          <p:spPr>
            <a:xfrm flipH="1">
              <a:off x="8297093" y="1938695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cxnSp>
          <p:nvCxnSpPr>
            <p:cNvPr id="138" name="Straight Connector 137">
              <a:extLst>
                <a:ext uri="{FF2B5EF4-FFF2-40B4-BE49-F238E27FC236}">
                  <a16:creationId xmlns:a16="http://schemas.microsoft.com/office/drawing/2014/main" id="{D4D855CF-D59C-ED48-9BD9-B907FB53374D}"/>
                </a:ext>
              </a:extLst>
            </p:cNvPr>
            <p:cNvCxnSpPr>
              <a:cxnSpLocks/>
            </p:cNvCxnSpPr>
            <p:nvPr/>
          </p:nvCxnSpPr>
          <p:spPr>
            <a:xfrm>
              <a:off x="9268694" y="2412191"/>
              <a:ext cx="0" cy="1432690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6" name="Straight Connector 145">
              <a:extLst>
                <a:ext uri="{FF2B5EF4-FFF2-40B4-BE49-F238E27FC236}">
                  <a16:creationId xmlns:a16="http://schemas.microsoft.com/office/drawing/2014/main" id="{9DAB091D-23DB-024B-AD99-B97B4B745D59}"/>
                </a:ext>
              </a:extLst>
            </p:cNvPr>
            <p:cNvCxnSpPr>
              <a:cxnSpLocks/>
              <a:stCxn id="148" idx="2"/>
            </p:cNvCxnSpPr>
            <p:nvPr/>
          </p:nvCxnSpPr>
          <p:spPr>
            <a:xfrm flipH="1">
              <a:off x="6340535" y="2412191"/>
              <a:ext cx="9070" cy="1499851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7" name="Arc 146">
              <a:extLst>
                <a:ext uri="{FF2B5EF4-FFF2-40B4-BE49-F238E27FC236}">
                  <a16:creationId xmlns:a16="http://schemas.microsoft.com/office/drawing/2014/main" id="{D01AB268-D6DA-2046-B7CE-4EF41920EF10}"/>
                </a:ext>
              </a:extLst>
            </p:cNvPr>
            <p:cNvSpPr/>
            <p:nvPr/>
          </p:nvSpPr>
          <p:spPr>
            <a:xfrm>
              <a:off x="6349763" y="1938695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48" name="Arc 147">
              <a:extLst>
                <a:ext uri="{FF2B5EF4-FFF2-40B4-BE49-F238E27FC236}">
                  <a16:creationId xmlns:a16="http://schemas.microsoft.com/office/drawing/2014/main" id="{6FC46DD0-83CF-124E-8A34-213F517B13B9}"/>
                </a:ext>
              </a:extLst>
            </p:cNvPr>
            <p:cNvSpPr/>
            <p:nvPr/>
          </p:nvSpPr>
          <p:spPr>
            <a:xfrm flipH="1">
              <a:off x="6349605" y="1938695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cxnSp>
          <p:nvCxnSpPr>
            <p:cNvPr id="149" name="Straight Connector 148">
              <a:extLst>
                <a:ext uri="{FF2B5EF4-FFF2-40B4-BE49-F238E27FC236}">
                  <a16:creationId xmlns:a16="http://schemas.microsoft.com/office/drawing/2014/main" id="{796BC31D-E4F5-4040-81F1-66BD2BC215C2}"/>
                </a:ext>
              </a:extLst>
            </p:cNvPr>
            <p:cNvCxnSpPr>
              <a:cxnSpLocks/>
            </p:cNvCxnSpPr>
            <p:nvPr/>
          </p:nvCxnSpPr>
          <p:spPr>
            <a:xfrm>
              <a:off x="7321206" y="2412191"/>
              <a:ext cx="0" cy="1432690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0" name="Straight Connector 149">
              <a:extLst>
                <a:ext uri="{FF2B5EF4-FFF2-40B4-BE49-F238E27FC236}">
                  <a16:creationId xmlns:a16="http://schemas.microsoft.com/office/drawing/2014/main" id="{1C0B7FC0-231C-BB45-836F-966E1078D7AF}"/>
                </a:ext>
              </a:extLst>
            </p:cNvPr>
            <p:cNvCxnSpPr>
              <a:cxnSpLocks/>
              <a:stCxn id="152" idx="2"/>
            </p:cNvCxnSpPr>
            <p:nvPr/>
          </p:nvCxnSpPr>
          <p:spPr>
            <a:xfrm flipH="1">
              <a:off x="4345932" y="2412191"/>
              <a:ext cx="7914" cy="1308738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1" name="Arc 150">
              <a:extLst>
                <a:ext uri="{FF2B5EF4-FFF2-40B4-BE49-F238E27FC236}">
                  <a16:creationId xmlns:a16="http://schemas.microsoft.com/office/drawing/2014/main" id="{D7D1DB56-F036-004B-AD6D-BAE3AB5842F2}"/>
                </a:ext>
              </a:extLst>
            </p:cNvPr>
            <p:cNvSpPr/>
            <p:nvPr/>
          </p:nvSpPr>
          <p:spPr>
            <a:xfrm>
              <a:off x="4354004" y="1938695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52" name="Arc 151">
              <a:extLst>
                <a:ext uri="{FF2B5EF4-FFF2-40B4-BE49-F238E27FC236}">
                  <a16:creationId xmlns:a16="http://schemas.microsoft.com/office/drawing/2014/main" id="{BEEC722D-619C-0A43-8B57-4DA7833F6311}"/>
                </a:ext>
              </a:extLst>
            </p:cNvPr>
            <p:cNvSpPr/>
            <p:nvPr/>
          </p:nvSpPr>
          <p:spPr>
            <a:xfrm flipH="1">
              <a:off x="4353846" y="1938695"/>
              <a:ext cx="971601" cy="946992"/>
            </a:xfrm>
            <a:prstGeom prst="arc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cxnSp>
          <p:nvCxnSpPr>
            <p:cNvPr id="153" name="Straight Connector 152">
              <a:extLst>
                <a:ext uri="{FF2B5EF4-FFF2-40B4-BE49-F238E27FC236}">
                  <a16:creationId xmlns:a16="http://schemas.microsoft.com/office/drawing/2014/main" id="{BDED40C7-F427-EC43-A3D5-CC643F052C32}"/>
                </a:ext>
              </a:extLst>
            </p:cNvPr>
            <p:cNvCxnSpPr>
              <a:cxnSpLocks/>
            </p:cNvCxnSpPr>
            <p:nvPr/>
          </p:nvCxnSpPr>
          <p:spPr>
            <a:xfrm>
              <a:off x="5325447" y="2412191"/>
              <a:ext cx="0" cy="1432690"/>
            </a:xfrm>
            <a:prstGeom prst="line">
              <a:avLst/>
            </a:prstGeom>
            <a:ln w="190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39A8F798-567F-AE43-9B0B-471B0C1D1829}"/>
                </a:ext>
              </a:extLst>
            </p:cNvPr>
            <p:cNvSpPr/>
            <p:nvPr/>
          </p:nvSpPr>
          <p:spPr>
            <a:xfrm>
              <a:off x="1679441" y="2958413"/>
              <a:ext cx="1319592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roof</a:t>
              </a: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-of-</a:t>
              </a:r>
              <a:r>
                <a:rPr kumimoji="0" lang="da-DK" sz="12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ncept</a:t>
              </a:r>
              <a:endPara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717F1EC4-4DEC-0F4C-9C70-F05650C08E65}"/>
                </a:ext>
              </a:extLst>
            </p:cNvPr>
            <p:cNvSpPr/>
            <p:nvPr/>
          </p:nvSpPr>
          <p:spPr>
            <a:xfrm>
              <a:off x="3912012" y="2958413"/>
              <a:ext cx="841897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rototype</a:t>
              </a:r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1AC6E111-7D27-F84F-8478-D58766B8222E}"/>
                </a:ext>
              </a:extLst>
            </p:cNvPr>
            <p:cNvSpPr/>
            <p:nvPr/>
          </p:nvSpPr>
          <p:spPr>
            <a:xfrm>
              <a:off x="5399010" y="2958413"/>
              <a:ext cx="1821909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est og markedsadgang</a:t>
              </a:r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FB8B6243-7A73-594C-ACE1-1469DBE4AE4C}"/>
                </a:ext>
              </a:extLst>
            </p:cNvPr>
            <p:cNvSpPr/>
            <p:nvPr/>
          </p:nvSpPr>
          <p:spPr>
            <a:xfrm>
              <a:off x="7679468" y="2958413"/>
              <a:ext cx="1257075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erieproduktion</a:t>
              </a:r>
            </a:p>
          </p:txBody>
        </p:sp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DFE3701D-6E35-594D-94B7-30ADD8CEC611}"/>
                </a:ext>
              </a:extLst>
            </p:cNvPr>
            <p:cNvSpPr/>
            <p:nvPr/>
          </p:nvSpPr>
          <p:spPr>
            <a:xfrm>
              <a:off x="9667293" y="2958413"/>
              <a:ext cx="1257075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enanvendelse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D1F2D38E-71E6-F044-B7DA-4E1D424B0491}"/>
                </a:ext>
              </a:extLst>
            </p:cNvPr>
            <p:cNvSpPr/>
            <p:nvPr/>
          </p:nvSpPr>
          <p:spPr>
            <a:xfrm>
              <a:off x="703031" y="4516989"/>
              <a:ext cx="1335622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D7BFA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(Grund)forskning</a:t>
              </a:r>
            </a:p>
          </p:txBody>
        </p:sp>
        <p:sp>
          <p:nvSpPr>
            <p:cNvPr id="3" name="Oval 2">
              <a:extLst>
                <a:ext uri="{FF2B5EF4-FFF2-40B4-BE49-F238E27FC236}">
                  <a16:creationId xmlns:a16="http://schemas.microsoft.com/office/drawing/2014/main" id="{FA978D49-98CA-D049-9B9E-BAD726CB8536}"/>
                </a:ext>
              </a:extLst>
            </p:cNvPr>
            <p:cNvSpPr/>
            <p:nvPr/>
          </p:nvSpPr>
          <p:spPr>
            <a:xfrm>
              <a:off x="943836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29" name="Oval 128">
              <a:extLst>
                <a:ext uri="{FF2B5EF4-FFF2-40B4-BE49-F238E27FC236}">
                  <a16:creationId xmlns:a16="http://schemas.microsoft.com/office/drawing/2014/main" id="{FEA05B84-498D-A24B-9FA9-FF9B3998F46C}"/>
                </a:ext>
              </a:extLst>
            </p:cNvPr>
            <p:cNvSpPr/>
            <p:nvPr/>
          </p:nvSpPr>
          <p:spPr>
            <a:xfrm>
              <a:off x="1935054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41" name="Oval 140">
              <a:extLst>
                <a:ext uri="{FF2B5EF4-FFF2-40B4-BE49-F238E27FC236}">
                  <a16:creationId xmlns:a16="http://schemas.microsoft.com/office/drawing/2014/main" id="{45D3714E-F85D-DA44-9B8C-180F1D99432E}"/>
                </a:ext>
              </a:extLst>
            </p:cNvPr>
            <p:cNvSpPr/>
            <p:nvPr/>
          </p:nvSpPr>
          <p:spPr>
            <a:xfrm>
              <a:off x="2926272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43" name="Oval 142">
              <a:extLst>
                <a:ext uri="{FF2B5EF4-FFF2-40B4-BE49-F238E27FC236}">
                  <a16:creationId xmlns:a16="http://schemas.microsoft.com/office/drawing/2014/main" id="{2D5F68C7-04CA-3A45-A434-22FC784C2F2E}"/>
                </a:ext>
              </a:extLst>
            </p:cNvPr>
            <p:cNvSpPr/>
            <p:nvPr/>
          </p:nvSpPr>
          <p:spPr>
            <a:xfrm>
              <a:off x="3917490" y="3423135"/>
              <a:ext cx="852547" cy="852547"/>
            </a:xfrm>
            <a:prstGeom prst="ellipse">
              <a:avLst/>
            </a:prstGeom>
            <a:solidFill>
              <a:schemeClr val="accent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44" name="Oval 143">
              <a:extLst>
                <a:ext uri="{FF2B5EF4-FFF2-40B4-BE49-F238E27FC236}">
                  <a16:creationId xmlns:a16="http://schemas.microsoft.com/office/drawing/2014/main" id="{D700F9EF-337A-7149-A264-2D1E03097728}"/>
                </a:ext>
              </a:extLst>
            </p:cNvPr>
            <p:cNvSpPr/>
            <p:nvPr/>
          </p:nvSpPr>
          <p:spPr>
            <a:xfrm>
              <a:off x="4908708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45" name="Oval 144">
              <a:extLst>
                <a:ext uri="{FF2B5EF4-FFF2-40B4-BE49-F238E27FC236}">
                  <a16:creationId xmlns:a16="http://schemas.microsoft.com/office/drawing/2014/main" id="{1850DC1A-69C4-7747-B482-954CFE2ED74A}"/>
                </a:ext>
              </a:extLst>
            </p:cNvPr>
            <p:cNvSpPr/>
            <p:nvPr/>
          </p:nvSpPr>
          <p:spPr>
            <a:xfrm>
              <a:off x="5899926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54" name="Oval 153">
              <a:extLst>
                <a:ext uri="{FF2B5EF4-FFF2-40B4-BE49-F238E27FC236}">
                  <a16:creationId xmlns:a16="http://schemas.microsoft.com/office/drawing/2014/main" id="{CC2E7A12-4CA2-7143-9A84-1EE5CD23AB8E}"/>
                </a:ext>
              </a:extLst>
            </p:cNvPr>
            <p:cNvSpPr/>
            <p:nvPr/>
          </p:nvSpPr>
          <p:spPr>
            <a:xfrm>
              <a:off x="6891144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55" name="Oval 154">
              <a:extLst>
                <a:ext uri="{FF2B5EF4-FFF2-40B4-BE49-F238E27FC236}">
                  <a16:creationId xmlns:a16="http://schemas.microsoft.com/office/drawing/2014/main" id="{F913DA22-A39D-1849-975D-7E4803F0F2EF}"/>
                </a:ext>
              </a:extLst>
            </p:cNvPr>
            <p:cNvSpPr/>
            <p:nvPr/>
          </p:nvSpPr>
          <p:spPr>
            <a:xfrm>
              <a:off x="7882362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56" name="Oval 155">
              <a:extLst>
                <a:ext uri="{FF2B5EF4-FFF2-40B4-BE49-F238E27FC236}">
                  <a16:creationId xmlns:a16="http://schemas.microsoft.com/office/drawing/2014/main" id="{A901A8DD-375C-9C43-8846-659011FB2A2B}"/>
                </a:ext>
              </a:extLst>
            </p:cNvPr>
            <p:cNvSpPr/>
            <p:nvPr/>
          </p:nvSpPr>
          <p:spPr>
            <a:xfrm>
              <a:off x="8873580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57" name="Oval 156">
              <a:extLst>
                <a:ext uri="{FF2B5EF4-FFF2-40B4-BE49-F238E27FC236}">
                  <a16:creationId xmlns:a16="http://schemas.microsoft.com/office/drawing/2014/main" id="{0DB69D2C-30C1-9B4B-992B-912F2D5EBA41}"/>
                </a:ext>
              </a:extLst>
            </p:cNvPr>
            <p:cNvSpPr/>
            <p:nvPr/>
          </p:nvSpPr>
          <p:spPr>
            <a:xfrm>
              <a:off x="9864798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58" name="Oval 157">
              <a:extLst>
                <a:ext uri="{FF2B5EF4-FFF2-40B4-BE49-F238E27FC236}">
                  <a16:creationId xmlns:a16="http://schemas.microsoft.com/office/drawing/2014/main" id="{9816C78E-A075-D747-B169-A1AE5E1D4E01}"/>
                </a:ext>
              </a:extLst>
            </p:cNvPr>
            <p:cNvSpPr/>
            <p:nvPr/>
          </p:nvSpPr>
          <p:spPr>
            <a:xfrm>
              <a:off x="10856017" y="3423135"/>
              <a:ext cx="852547" cy="852547"/>
            </a:xfrm>
            <a:prstGeom prst="ellipse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DK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pic>
          <p:nvPicPr>
            <p:cNvPr id="76" name="Graphic 75">
              <a:extLst>
                <a:ext uri="{FF2B5EF4-FFF2-40B4-BE49-F238E27FC236}">
                  <a16:creationId xmlns:a16="http://schemas.microsoft.com/office/drawing/2014/main" id="{B4892593-05BA-1A45-8105-F2BC3DA9EBB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4840042" y="3343788"/>
              <a:ext cx="990000" cy="990000"/>
            </a:xfrm>
            <a:prstGeom prst="rect">
              <a:avLst/>
            </a:prstGeom>
          </p:spPr>
        </p:pic>
        <p:pic>
          <p:nvPicPr>
            <p:cNvPr id="77" name="Graphic 76">
              <a:extLst>
                <a:ext uri="{FF2B5EF4-FFF2-40B4-BE49-F238E27FC236}">
                  <a16:creationId xmlns:a16="http://schemas.microsoft.com/office/drawing/2014/main" id="{D3BDB818-647C-BE4C-A1BA-66B6C4B9737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7813625" y="3343788"/>
              <a:ext cx="990000" cy="990000"/>
            </a:xfrm>
            <a:prstGeom prst="rect">
              <a:avLst/>
            </a:prstGeom>
          </p:spPr>
        </p:pic>
        <p:pic>
          <p:nvPicPr>
            <p:cNvPr id="79" name="Graphic 78">
              <a:extLst>
                <a:ext uri="{FF2B5EF4-FFF2-40B4-BE49-F238E27FC236}">
                  <a16:creationId xmlns:a16="http://schemas.microsoft.com/office/drawing/2014/main" id="{C67B6203-CD83-E043-8829-4FAD3D27C321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827355" y="3343788"/>
              <a:ext cx="990000" cy="990000"/>
            </a:xfrm>
            <a:prstGeom prst="rect">
              <a:avLst/>
            </a:prstGeom>
          </p:spPr>
        </p:pic>
        <p:pic>
          <p:nvPicPr>
            <p:cNvPr id="82" name="Graphic 81">
              <a:extLst>
                <a:ext uri="{FF2B5EF4-FFF2-40B4-BE49-F238E27FC236}">
                  <a16:creationId xmlns:a16="http://schemas.microsoft.com/office/drawing/2014/main" id="{4CDC19F3-26D6-8244-9DEA-C9572269FBC1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5817762" y="3343788"/>
              <a:ext cx="990000" cy="990000"/>
            </a:xfrm>
            <a:prstGeom prst="rect">
              <a:avLst/>
            </a:prstGeom>
          </p:spPr>
        </p:pic>
        <p:pic>
          <p:nvPicPr>
            <p:cNvPr id="85" name="Graphic 84">
              <a:extLst>
                <a:ext uri="{FF2B5EF4-FFF2-40B4-BE49-F238E27FC236}">
                  <a16:creationId xmlns:a16="http://schemas.microsoft.com/office/drawing/2014/main" id="{F2B5955F-A106-9F49-B6B6-4E3050C06F5A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8784350" y="3343788"/>
              <a:ext cx="990000" cy="990000"/>
            </a:xfrm>
            <a:prstGeom prst="rect">
              <a:avLst/>
            </a:prstGeom>
          </p:spPr>
        </p:pic>
        <p:pic>
          <p:nvPicPr>
            <p:cNvPr id="88" name="Graphic 87">
              <a:extLst>
                <a:ext uri="{FF2B5EF4-FFF2-40B4-BE49-F238E27FC236}">
                  <a16:creationId xmlns:a16="http://schemas.microsoft.com/office/drawing/2014/main" id="{CD267A6C-00B6-F449-838A-EAA97EA8EBE0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9794431" y="3343788"/>
              <a:ext cx="990000" cy="990000"/>
            </a:xfrm>
            <a:prstGeom prst="rect">
              <a:avLst/>
            </a:prstGeom>
          </p:spPr>
        </p:pic>
        <p:pic>
          <p:nvPicPr>
            <p:cNvPr id="91" name="Graphic 90">
              <a:extLst>
                <a:ext uri="{FF2B5EF4-FFF2-40B4-BE49-F238E27FC236}">
                  <a16:creationId xmlns:a16="http://schemas.microsoft.com/office/drawing/2014/main" id="{EB4248A6-CE8F-FC4D-9E47-526F08880C76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10787059" y="3343788"/>
              <a:ext cx="990000" cy="990000"/>
            </a:xfrm>
            <a:prstGeom prst="rect">
              <a:avLst/>
            </a:prstGeom>
          </p:spPr>
        </p:pic>
        <p:pic>
          <p:nvPicPr>
            <p:cNvPr id="94" name="Graphic 93">
              <a:extLst>
                <a:ext uri="{FF2B5EF4-FFF2-40B4-BE49-F238E27FC236}">
                  <a16:creationId xmlns:a16="http://schemas.microsoft.com/office/drawing/2014/main" id="{7038B060-F523-0F4D-BCA3-A24C91327A80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872462" y="3343788"/>
              <a:ext cx="990000" cy="990000"/>
            </a:xfrm>
            <a:prstGeom prst="rect">
              <a:avLst/>
            </a:prstGeom>
          </p:spPr>
        </p:pic>
        <p:pic>
          <p:nvPicPr>
            <p:cNvPr id="101" name="Graphic 100">
              <a:extLst>
                <a:ext uri="{FF2B5EF4-FFF2-40B4-BE49-F238E27FC236}">
                  <a16:creationId xmlns:a16="http://schemas.microsoft.com/office/drawing/2014/main" id="{5A820C0B-0A8D-4A40-8BB5-1B7498C97282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0"/>
                </a:ext>
              </a:extLst>
            </a:blip>
            <a:stretch>
              <a:fillRect/>
            </a:stretch>
          </p:blipFill>
          <p:spPr>
            <a:xfrm>
              <a:off x="1868757" y="3343788"/>
              <a:ext cx="990000" cy="990000"/>
            </a:xfrm>
            <a:prstGeom prst="rect">
              <a:avLst/>
            </a:prstGeom>
          </p:spPr>
        </p:pic>
        <p:pic>
          <p:nvPicPr>
            <p:cNvPr id="102" name="Graphic 101">
              <a:extLst>
                <a:ext uri="{FF2B5EF4-FFF2-40B4-BE49-F238E27FC236}">
                  <a16:creationId xmlns:a16="http://schemas.microsoft.com/office/drawing/2014/main" id="{46A3D9E3-DCBA-884F-AA92-EB09676F8D99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2"/>
                </a:ext>
              </a:extLst>
            </a:blip>
            <a:stretch>
              <a:fillRect/>
            </a:stretch>
          </p:blipFill>
          <p:spPr>
            <a:xfrm>
              <a:off x="2876855" y="3343788"/>
              <a:ext cx="990000" cy="990000"/>
            </a:xfrm>
            <a:prstGeom prst="rect">
              <a:avLst/>
            </a:prstGeom>
          </p:spPr>
        </p:pic>
        <p:pic>
          <p:nvPicPr>
            <p:cNvPr id="104" name="Graphic 103">
              <a:extLst>
                <a:ext uri="{FF2B5EF4-FFF2-40B4-BE49-F238E27FC236}">
                  <a16:creationId xmlns:a16="http://schemas.microsoft.com/office/drawing/2014/main" id="{1F970F80-ADB6-8A48-B922-4715E3F53350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4"/>
                </a:ext>
              </a:extLst>
            </a:blip>
            <a:stretch>
              <a:fillRect/>
            </a:stretch>
          </p:blipFill>
          <p:spPr>
            <a:xfrm>
              <a:off x="3822884" y="3343788"/>
              <a:ext cx="990000" cy="99000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7806055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2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AC1CFC-49CF-4181-82A6-2DC88AB8A1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DU er ‘gatekeeper’ for nye teknologi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56B41B-DA8B-4E48-AC65-CADC5AC923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285D2C3-1B24-4EC3-B249-9C3BBF727012}" type="datetime3">
              <a:rPr kumimoji="0" lang="da-DK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6.04.2022</a:t>
            </a:fld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78" name="Straight Connector 77">
            <a:extLst>
              <a:ext uri="{FF2B5EF4-FFF2-40B4-BE49-F238E27FC236}">
                <a16:creationId xmlns:a16="http://schemas.microsoft.com/office/drawing/2014/main" id="{8176E585-A214-438E-A70B-2DEAA35ABC20}"/>
              </a:ext>
            </a:extLst>
          </p:cNvPr>
          <p:cNvCxnSpPr>
            <a:cxnSpLocks/>
          </p:cNvCxnSpPr>
          <p:nvPr/>
        </p:nvCxnSpPr>
        <p:spPr>
          <a:xfrm flipH="1">
            <a:off x="10294758" y="2411960"/>
            <a:ext cx="6961" cy="1560354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628670E2-5202-BA41-8B23-2B7D583F4EB9}"/>
              </a:ext>
            </a:extLst>
          </p:cNvPr>
          <p:cNvCxnSpPr>
            <a:cxnSpLocks/>
            <a:endCxn id="42" idx="2"/>
          </p:cNvCxnSpPr>
          <p:nvPr/>
        </p:nvCxnSpPr>
        <p:spPr>
          <a:xfrm>
            <a:off x="1367620" y="3720929"/>
            <a:ext cx="0" cy="1642337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BA20C367-2220-104A-AEA4-DF90B3E98B59}"/>
              </a:ext>
            </a:extLst>
          </p:cNvPr>
          <p:cNvCxnSpPr>
            <a:cxnSpLocks/>
            <a:endCxn id="59" idx="2"/>
          </p:cNvCxnSpPr>
          <p:nvPr/>
        </p:nvCxnSpPr>
        <p:spPr>
          <a:xfrm>
            <a:off x="2339063" y="3720929"/>
            <a:ext cx="0" cy="1642337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Arc 41">
            <a:extLst>
              <a:ext uri="{FF2B5EF4-FFF2-40B4-BE49-F238E27FC236}">
                <a16:creationId xmlns:a16="http://schemas.microsoft.com/office/drawing/2014/main" id="{BEC8FA84-541A-B848-B101-4DF0A404275F}"/>
              </a:ext>
            </a:extLst>
          </p:cNvPr>
          <p:cNvSpPr/>
          <p:nvPr/>
        </p:nvSpPr>
        <p:spPr>
          <a:xfrm rot="10800000">
            <a:off x="1367620" y="4889770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9" name="Arc 58">
            <a:extLst>
              <a:ext uri="{FF2B5EF4-FFF2-40B4-BE49-F238E27FC236}">
                <a16:creationId xmlns:a16="http://schemas.microsoft.com/office/drawing/2014/main" id="{17A8B695-43E7-2D4D-A65E-3FFD2F3E24AF}"/>
              </a:ext>
            </a:extLst>
          </p:cNvPr>
          <p:cNvSpPr/>
          <p:nvPr/>
        </p:nvSpPr>
        <p:spPr>
          <a:xfrm rot="10800000" flipH="1">
            <a:off x="1367462" y="4889770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0" name="Arc 59">
            <a:extLst>
              <a:ext uri="{FF2B5EF4-FFF2-40B4-BE49-F238E27FC236}">
                <a16:creationId xmlns:a16="http://schemas.microsoft.com/office/drawing/2014/main" id="{0855E9EA-9890-8E40-A585-7BB26BC377C2}"/>
              </a:ext>
            </a:extLst>
          </p:cNvPr>
          <p:cNvSpPr/>
          <p:nvPr/>
        </p:nvSpPr>
        <p:spPr>
          <a:xfrm>
            <a:off x="2340479" y="1944283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1" name="Arc 60">
            <a:extLst>
              <a:ext uri="{FF2B5EF4-FFF2-40B4-BE49-F238E27FC236}">
                <a16:creationId xmlns:a16="http://schemas.microsoft.com/office/drawing/2014/main" id="{CC15AAD9-F139-4F47-ABBA-A0DCAC870FE2}"/>
              </a:ext>
            </a:extLst>
          </p:cNvPr>
          <p:cNvSpPr/>
          <p:nvPr/>
        </p:nvSpPr>
        <p:spPr>
          <a:xfrm flipH="1">
            <a:off x="2340321" y="1944283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AF18058C-F608-E147-ADBE-2476A19F9EBC}"/>
              </a:ext>
            </a:extLst>
          </p:cNvPr>
          <p:cNvCxnSpPr>
            <a:cxnSpLocks/>
            <a:stCxn id="60" idx="2"/>
          </p:cNvCxnSpPr>
          <p:nvPr/>
        </p:nvCxnSpPr>
        <p:spPr>
          <a:xfrm flipH="1">
            <a:off x="3311922" y="2417779"/>
            <a:ext cx="158" cy="1424689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C9CF0AD1-FBDD-AA4C-94D1-B7A624D9E474}"/>
              </a:ext>
            </a:extLst>
          </p:cNvPr>
          <p:cNvCxnSpPr>
            <a:cxnSpLocks/>
            <a:endCxn id="83" idx="2"/>
          </p:cNvCxnSpPr>
          <p:nvPr/>
        </p:nvCxnSpPr>
        <p:spPr>
          <a:xfrm>
            <a:off x="3346866" y="4153989"/>
            <a:ext cx="0" cy="1209278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80">
            <a:extLst>
              <a:ext uri="{FF2B5EF4-FFF2-40B4-BE49-F238E27FC236}">
                <a16:creationId xmlns:a16="http://schemas.microsoft.com/office/drawing/2014/main" id="{8D6961E6-B0E3-2144-B3CF-4CB31C7D5B4B}"/>
              </a:ext>
            </a:extLst>
          </p:cNvPr>
          <p:cNvCxnSpPr>
            <a:cxnSpLocks/>
            <a:endCxn id="84" idx="2"/>
          </p:cNvCxnSpPr>
          <p:nvPr/>
        </p:nvCxnSpPr>
        <p:spPr>
          <a:xfrm>
            <a:off x="4318309" y="3844881"/>
            <a:ext cx="0" cy="1518386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Arc 82">
            <a:extLst>
              <a:ext uri="{FF2B5EF4-FFF2-40B4-BE49-F238E27FC236}">
                <a16:creationId xmlns:a16="http://schemas.microsoft.com/office/drawing/2014/main" id="{763E3EC7-47D0-F845-826A-D96F92BBB469}"/>
              </a:ext>
            </a:extLst>
          </p:cNvPr>
          <p:cNvSpPr/>
          <p:nvPr/>
        </p:nvSpPr>
        <p:spPr>
          <a:xfrm rot="10800000">
            <a:off x="3346866" y="4889771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4" name="Arc 83">
            <a:extLst>
              <a:ext uri="{FF2B5EF4-FFF2-40B4-BE49-F238E27FC236}">
                <a16:creationId xmlns:a16="http://schemas.microsoft.com/office/drawing/2014/main" id="{12265D2A-397C-C346-8559-0B04876BF1CA}"/>
              </a:ext>
            </a:extLst>
          </p:cNvPr>
          <p:cNvSpPr/>
          <p:nvPr/>
        </p:nvSpPr>
        <p:spPr>
          <a:xfrm rot="10800000" flipH="1">
            <a:off x="3346708" y="4889771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86" name="Straight Connector 85">
            <a:extLst>
              <a:ext uri="{FF2B5EF4-FFF2-40B4-BE49-F238E27FC236}">
                <a16:creationId xmlns:a16="http://schemas.microsoft.com/office/drawing/2014/main" id="{6779C6D3-D183-8645-8FF5-B10362598E16}"/>
              </a:ext>
            </a:extLst>
          </p:cNvPr>
          <p:cNvCxnSpPr>
            <a:cxnSpLocks/>
            <a:endCxn id="89" idx="2"/>
          </p:cNvCxnSpPr>
          <p:nvPr/>
        </p:nvCxnSpPr>
        <p:spPr>
          <a:xfrm>
            <a:off x="5338522" y="3975652"/>
            <a:ext cx="0" cy="1396634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Straight Connector 86">
            <a:extLst>
              <a:ext uri="{FF2B5EF4-FFF2-40B4-BE49-F238E27FC236}">
                <a16:creationId xmlns:a16="http://schemas.microsoft.com/office/drawing/2014/main" id="{CAC2DCD7-9AF6-9E4D-960D-00FD2BFEE685}"/>
              </a:ext>
            </a:extLst>
          </p:cNvPr>
          <p:cNvCxnSpPr>
            <a:cxnSpLocks/>
            <a:endCxn id="90" idx="2"/>
          </p:cNvCxnSpPr>
          <p:nvPr/>
        </p:nvCxnSpPr>
        <p:spPr>
          <a:xfrm>
            <a:off x="6309965" y="4039263"/>
            <a:ext cx="0" cy="1333023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Arc 88">
            <a:extLst>
              <a:ext uri="{FF2B5EF4-FFF2-40B4-BE49-F238E27FC236}">
                <a16:creationId xmlns:a16="http://schemas.microsoft.com/office/drawing/2014/main" id="{8E79E330-DC7E-A34A-95A6-5AE79CDD5662}"/>
              </a:ext>
            </a:extLst>
          </p:cNvPr>
          <p:cNvSpPr/>
          <p:nvPr/>
        </p:nvSpPr>
        <p:spPr>
          <a:xfrm rot="10800000">
            <a:off x="5338522" y="4898790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0" name="Arc 89">
            <a:extLst>
              <a:ext uri="{FF2B5EF4-FFF2-40B4-BE49-F238E27FC236}">
                <a16:creationId xmlns:a16="http://schemas.microsoft.com/office/drawing/2014/main" id="{E3FEB071-4F45-FC4F-B46F-312159F6E135}"/>
              </a:ext>
            </a:extLst>
          </p:cNvPr>
          <p:cNvSpPr/>
          <p:nvPr/>
        </p:nvSpPr>
        <p:spPr>
          <a:xfrm rot="10800000" flipH="1">
            <a:off x="5338364" y="4898790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92" name="Straight Connector 91">
            <a:extLst>
              <a:ext uri="{FF2B5EF4-FFF2-40B4-BE49-F238E27FC236}">
                <a16:creationId xmlns:a16="http://schemas.microsoft.com/office/drawing/2014/main" id="{3238EBD7-5028-334A-A733-246A63C186F3}"/>
              </a:ext>
            </a:extLst>
          </p:cNvPr>
          <p:cNvCxnSpPr>
            <a:cxnSpLocks/>
            <a:endCxn id="95" idx="2"/>
          </p:cNvCxnSpPr>
          <p:nvPr/>
        </p:nvCxnSpPr>
        <p:spPr>
          <a:xfrm>
            <a:off x="7325058" y="4153989"/>
            <a:ext cx="0" cy="1209277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Connector 92">
            <a:extLst>
              <a:ext uri="{FF2B5EF4-FFF2-40B4-BE49-F238E27FC236}">
                <a16:creationId xmlns:a16="http://schemas.microsoft.com/office/drawing/2014/main" id="{B2C730A5-CDDA-2E43-893E-FC2A077E1112}"/>
              </a:ext>
            </a:extLst>
          </p:cNvPr>
          <p:cNvCxnSpPr>
            <a:cxnSpLocks/>
            <a:endCxn id="96" idx="2"/>
          </p:cNvCxnSpPr>
          <p:nvPr/>
        </p:nvCxnSpPr>
        <p:spPr>
          <a:xfrm>
            <a:off x="8296501" y="3975652"/>
            <a:ext cx="0" cy="1387614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Arc 94">
            <a:extLst>
              <a:ext uri="{FF2B5EF4-FFF2-40B4-BE49-F238E27FC236}">
                <a16:creationId xmlns:a16="http://schemas.microsoft.com/office/drawing/2014/main" id="{B601EE1F-4E15-FD43-AD22-B7CCFAA15DDD}"/>
              </a:ext>
            </a:extLst>
          </p:cNvPr>
          <p:cNvSpPr/>
          <p:nvPr/>
        </p:nvSpPr>
        <p:spPr>
          <a:xfrm rot="10800000">
            <a:off x="7325058" y="4889770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6" name="Arc 95">
            <a:extLst>
              <a:ext uri="{FF2B5EF4-FFF2-40B4-BE49-F238E27FC236}">
                <a16:creationId xmlns:a16="http://schemas.microsoft.com/office/drawing/2014/main" id="{5FCA4B00-B87A-8140-AAB9-2D144E5F8DF6}"/>
              </a:ext>
            </a:extLst>
          </p:cNvPr>
          <p:cNvSpPr/>
          <p:nvPr/>
        </p:nvSpPr>
        <p:spPr>
          <a:xfrm rot="10800000" flipH="1">
            <a:off x="7324900" y="4889770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97" name="Straight Connector 96">
            <a:extLst>
              <a:ext uri="{FF2B5EF4-FFF2-40B4-BE49-F238E27FC236}">
                <a16:creationId xmlns:a16="http://schemas.microsoft.com/office/drawing/2014/main" id="{967B355F-0044-4342-B3C4-44B1DEC6C7FA}"/>
              </a:ext>
            </a:extLst>
          </p:cNvPr>
          <p:cNvCxnSpPr>
            <a:cxnSpLocks/>
            <a:endCxn id="99" idx="2"/>
          </p:cNvCxnSpPr>
          <p:nvPr/>
        </p:nvCxnSpPr>
        <p:spPr>
          <a:xfrm>
            <a:off x="9310194" y="3975652"/>
            <a:ext cx="0" cy="1387845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Connector 97">
            <a:extLst>
              <a:ext uri="{FF2B5EF4-FFF2-40B4-BE49-F238E27FC236}">
                <a16:creationId xmlns:a16="http://schemas.microsoft.com/office/drawing/2014/main" id="{E8EDF633-A215-5C4F-8DC3-5492F5D56AA2}"/>
              </a:ext>
            </a:extLst>
          </p:cNvPr>
          <p:cNvCxnSpPr>
            <a:cxnSpLocks/>
            <a:endCxn id="100" idx="2"/>
          </p:cNvCxnSpPr>
          <p:nvPr/>
        </p:nvCxnSpPr>
        <p:spPr>
          <a:xfrm flipH="1">
            <a:off x="10281637" y="3930732"/>
            <a:ext cx="2394" cy="1432765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Arc 98">
            <a:extLst>
              <a:ext uri="{FF2B5EF4-FFF2-40B4-BE49-F238E27FC236}">
                <a16:creationId xmlns:a16="http://schemas.microsoft.com/office/drawing/2014/main" id="{1D0D1EC2-98D4-9149-AD7F-EFBF306B963C}"/>
              </a:ext>
            </a:extLst>
          </p:cNvPr>
          <p:cNvSpPr/>
          <p:nvPr/>
        </p:nvSpPr>
        <p:spPr>
          <a:xfrm rot="10800000">
            <a:off x="9310194" y="4890001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0" name="Arc 99">
            <a:extLst>
              <a:ext uri="{FF2B5EF4-FFF2-40B4-BE49-F238E27FC236}">
                <a16:creationId xmlns:a16="http://schemas.microsoft.com/office/drawing/2014/main" id="{3386C5C0-3EAB-0743-8D21-64C4694DCA98}"/>
              </a:ext>
            </a:extLst>
          </p:cNvPr>
          <p:cNvSpPr/>
          <p:nvPr/>
        </p:nvSpPr>
        <p:spPr>
          <a:xfrm rot="10800000" flipH="1">
            <a:off x="9310036" y="4890001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30" name="Arc 129">
            <a:extLst>
              <a:ext uri="{FF2B5EF4-FFF2-40B4-BE49-F238E27FC236}">
                <a16:creationId xmlns:a16="http://schemas.microsoft.com/office/drawing/2014/main" id="{D84FD839-7D3D-634F-A123-6CCF294DE1C1}"/>
              </a:ext>
            </a:extLst>
          </p:cNvPr>
          <p:cNvSpPr/>
          <p:nvPr/>
        </p:nvSpPr>
        <p:spPr>
          <a:xfrm>
            <a:off x="10299642" y="1938695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31" name="Arc 130">
            <a:extLst>
              <a:ext uri="{FF2B5EF4-FFF2-40B4-BE49-F238E27FC236}">
                <a16:creationId xmlns:a16="http://schemas.microsoft.com/office/drawing/2014/main" id="{5FBE2023-2D24-DC4A-9862-AA2F6B1F3564}"/>
              </a:ext>
            </a:extLst>
          </p:cNvPr>
          <p:cNvSpPr/>
          <p:nvPr/>
        </p:nvSpPr>
        <p:spPr>
          <a:xfrm flipH="1">
            <a:off x="10311359" y="1938695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32" name="Straight Connector 131">
            <a:extLst>
              <a:ext uri="{FF2B5EF4-FFF2-40B4-BE49-F238E27FC236}">
                <a16:creationId xmlns:a16="http://schemas.microsoft.com/office/drawing/2014/main" id="{1165D251-B0E7-BD44-9B0A-DBABB0EF6CB4}"/>
              </a:ext>
            </a:extLst>
          </p:cNvPr>
          <p:cNvCxnSpPr>
            <a:cxnSpLocks/>
          </p:cNvCxnSpPr>
          <p:nvPr/>
        </p:nvCxnSpPr>
        <p:spPr>
          <a:xfrm>
            <a:off x="11271085" y="2412191"/>
            <a:ext cx="0" cy="143269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Straight Connector 132">
            <a:extLst>
              <a:ext uri="{FF2B5EF4-FFF2-40B4-BE49-F238E27FC236}">
                <a16:creationId xmlns:a16="http://schemas.microsoft.com/office/drawing/2014/main" id="{7CF10E09-4E06-EE47-8F71-B7B6C0F9D5C0}"/>
              </a:ext>
            </a:extLst>
          </p:cNvPr>
          <p:cNvCxnSpPr>
            <a:cxnSpLocks/>
          </p:cNvCxnSpPr>
          <p:nvPr/>
        </p:nvCxnSpPr>
        <p:spPr>
          <a:xfrm flipH="1">
            <a:off x="2340321" y="2412191"/>
            <a:ext cx="158" cy="1424689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Rectangle 19">
            <a:extLst>
              <a:ext uri="{FF2B5EF4-FFF2-40B4-BE49-F238E27FC236}">
                <a16:creationId xmlns:a16="http://schemas.microsoft.com/office/drawing/2014/main" id="{CA06FEFE-4D0A-724D-9D84-5F62F749A97E}"/>
              </a:ext>
            </a:extLst>
          </p:cNvPr>
          <p:cNvSpPr/>
          <p:nvPr/>
        </p:nvSpPr>
        <p:spPr>
          <a:xfrm>
            <a:off x="2643283" y="4516989"/>
            <a:ext cx="1417952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eknologimodning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AAFE8884-8854-BB4E-B122-3595DF3DD765}"/>
              </a:ext>
            </a:extLst>
          </p:cNvPr>
          <p:cNvSpPr/>
          <p:nvPr/>
        </p:nvSpPr>
        <p:spPr>
          <a:xfrm>
            <a:off x="4579760" y="4516989"/>
            <a:ext cx="1511952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Udvikling og design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F915B94-6ED1-AB49-90CF-1496BB39D19F}"/>
              </a:ext>
            </a:extLst>
          </p:cNvPr>
          <p:cNvSpPr/>
          <p:nvPr/>
        </p:nvSpPr>
        <p:spPr>
          <a:xfrm>
            <a:off x="6625461" y="4516989"/>
            <a:ext cx="1410964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0-serie produktion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06447E4F-EE60-B244-8CE7-9D9359F0C783}"/>
              </a:ext>
            </a:extLst>
          </p:cNvPr>
          <p:cNvSpPr/>
          <p:nvPr/>
        </p:nvSpPr>
        <p:spPr>
          <a:xfrm>
            <a:off x="8809965" y="4516989"/>
            <a:ext cx="984564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vendelse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8CAB62CE-9882-DC4B-9B05-8EA987EB5E8A}"/>
              </a:ext>
            </a:extLst>
          </p:cNvPr>
          <p:cNvSpPr/>
          <p:nvPr/>
        </p:nvSpPr>
        <p:spPr>
          <a:xfrm>
            <a:off x="10772588" y="4516989"/>
            <a:ext cx="1069973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ortskaffelse</a:t>
            </a:r>
          </a:p>
        </p:txBody>
      </p:sp>
      <p:cxnSp>
        <p:nvCxnSpPr>
          <p:cNvPr id="135" name="Straight Connector 134">
            <a:extLst>
              <a:ext uri="{FF2B5EF4-FFF2-40B4-BE49-F238E27FC236}">
                <a16:creationId xmlns:a16="http://schemas.microsoft.com/office/drawing/2014/main" id="{0F9FC0A6-BCC3-524B-982E-9D7210A8EB68}"/>
              </a:ext>
            </a:extLst>
          </p:cNvPr>
          <p:cNvCxnSpPr>
            <a:cxnSpLocks/>
            <a:stCxn id="137" idx="2"/>
          </p:cNvCxnSpPr>
          <p:nvPr/>
        </p:nvCxnSpPr>
        <p:spPr>
          <a:xfrm flipH="1">
            <a:off x="8290331" y="2412191"/>
            <a:ext cx="6762" cy="1118188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Arc 135">
            <a:extLst>
              <a:ext uri="{FF2B5EF4-FFF2-40B4-BE49-F238E27FC236}">
                <a16:creationId xmlns:a16="http://schemas.microsoft.com/office/drawing/2014/main" id="{47D3AFC0-F6E8-EB4D-ABD2-4B49B233D6D5}"/>
              </a:ext>
            </a:extLst>
          </p:cNvPr>
          <p:cNvSpPr/>
          <p:nvPr/>
        </p:nvSpPr>
        <p:spPr>
          <a:xfrm>
            <a:off x="8297251" y="1938695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37" name="Arc 136">
            <a:extLst>
              <a:ext uri="{FF2B5EF4-FFF2-40B4-BE49-F238E27FC236}">
                <a16:creationId xmlns:a16="http://schemas.microsoft.com/office/drawing/2014/main" id="{36EBEBF6-5256-B043-BC8E-97F2372E5033}"/>
              </a:ext>
            </a:extLst>
          </p:cNvPr>
          <p:cNvSpPr/>
          <p:nvPr/>
        </p:nvSpPr>
        <p:spPr>
          <a:xfrm flipH="1">
            <a:off x="8297093" y="1938695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38" name="Straight Connector 137">
            <a:extLst>
              <a:ext uri="{FF2B5EF4-FFF2-40B4-BE49-F238E27FC236}">
                <a16:creationId xmlns:a16="http://schemas.microsoft.com/office/drawing/2014/main" id="{D4D855CF-D59C-ED48-9BD9-B907FB53374D}"/>
              </a:ext>
            </a:extLst>
          </p:cNvPr>
          <p:cNvCxnSpPr>
            <a:cxnSpLocks/>
          </p:cNvCxnSpPr>
          <p:nvPr/>
        </p:nvCxnSpPr>
        <p:spPr>
          <a:xfrm>
            <a:off x="9268694" y="2412191"/>
            <a:ext cx="0" cy="143269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Straight Connector 145">
            <a:extLst>
              <a:ext uri="{FF2B5EF4-FFF2-40B4-BE49-F238E27FC236}">
                <a16:creationId xmlns:a16="http://schemas.microsoft.com/office/drawing/2014/main" id="{9DAB091D-23DB-024B-AD99-B97B4B745D59}"/>
              </a:ext>
            </a:extLst>
          </p:cNvPr>
          <p:cNvCxnSpPr>
            <a:cxnSpLocks/>
            <a:stCxn id="148" idx="2"/>
          </p:cNvCxnSpPr>
          <p:nvPr/>
        </p:nvCxnSpPr>
        <p:spPr>
          <a:xfrm flipH="1">
            <a:off x="6340535" y="2412191"/>
            <a:ext cx="9070" cy="1499851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Arc 146">
            <a:extLst>
              <a:ext uri="{FF2B5EF4-FFF2-40B4-BE49-F238E27FC236}">
                <a16:creationId xmlns:a16="http://schemas.microsoft.com/office/drawing/2014/main" id="{D01AB268-D6DA-2046-B7CE-4EF41920EF10}"/>
              </a:ext>
            </a:extLst>
          </p:cNvPr>
          <p:cNvSpPr/>
          <p:nvPr/>
        </p:nvSpPr>
        <p:spPr>
          <a:xfrm>
            <a:off x="6349763" y="1938695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8" name="Arc 147">
            <a:extLst>
              <a:ext uri="{FF2B5EF4-FFF2-40B4-BE49-F238E27FC236}">
                <a16:creationId xmlns:a16="http://schemas.microsoft.com/office/drawing/2014/main" id="{6FC46DD0-83CF-124E-8A34-213F517B13B9}"/>
              </a:ext>
            </a:extLst>
          </p:cNvPr>
          <p:cNvSpPr/>
          <p:nvPr/>
        </p:nvSpPr>
        <p:spPr>
          <a:xfrm flipH="1">
            <a:off x="6349605" y="1938695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49" name="Straight Connector 148">
            <a:extLst>
              <a:ext uri="{FF2B5EF4-FFF2-40B4-BE49-F238E27FC236}">
                <a16:creationId xmlns:a16="http://schemas.microsoft.com/office/drawing/2014/main" id="{796BC31D-E4F5-4040-81F1-66BD2BC215C2}"/>
              </a:ext>
            </a:extLst>
          </p:cNvPr>
          <p:cNvCxnSpPr>
            <a:cxnSpLocks/>
          </p:cNvCxnSpPr>
          <p:nvPr/>
        </p:nvCxnSpPr>
        <p:spPr>
          <a:xfrm>
            <a:off x="7321206" y="2412191"/>
            <a:ext cx="0" cy="143269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Straight Connector 149">
            <a:extLst>
              <a:ext uri="{FF2B5EF4-FFF2-40B4-BE49-F238E27FC236}">
                <a16:creationId xmlns:a16="http://schemas.microsoft.com/office/drawing/2014/main" id="{1C0B7FC0-231C-BB45-836F-966E1078D7AF}"/>
              </a:ext>
            </a:extLst>
          </p:cNvPr>
          <p:cNvCxnSpPr>
            <a:cxnSpLocks/>
            <a:stCxn id="152" idx="2"/>
          </p:cNvCxnSpPr>
          <p:nvPr/>
        </p:nvCxnSpPr>
        <p:spPr>
          <a:xfrm flipH="1">
            <a:off x="4345932" y="2412191"/>
            <a:ext cx="7914" cy="1308738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1" name="Arc 150">
            <a:extLst>
              <a:ext uri="{FF2B5EF4-FFF2-40B4-BE49-F238E27FC236}">
                <a16:creationId xmlns:a16="http://schemas.microsoft.com/office/drawing/2014/main" id="{D7D1DB56-F036-004B-AD6D-BAE3AB5842F2}"/>
              </a:ext>
            </a:extLst>
          </p:cNvPr>
          <p:cNvSpPr/>
          <p:nvPr/>
        </p:nvSpPr>
        <p:spPr>
          <a:xfrm>
            <a:off x="4354004" y="1938695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52" name="Arc 151">
            <a:extLst>
              <a:ext uri="{FF2B5EF4-FFF2-40B4-BE49-F238E27FC236}">
                <a16:creationId xmlns:a16="http://schemas.microsoft.com/office/drawing/2014/main" id="{BEEC722D-619C-0A43-8B57-4DA7833F6311}"/>
              </a:ext>
            </a:extLst>
          </p:cNvPr>
          <p:cNvSpPr/>
          <p:nvPr/>
        </p:nvSpPr>
        <p:spPr>
          <a:xfrm flipH="1">
            <a:off x="4353846" y="1938695"/>
            <a:ext cx="971601" cy="946992"/>
          </a:xfrm>
          <a:prstGeom prst="arc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53" name="Straight Connector 152">
            <a:extLst>
              <a:ext uri="{FF2B5EF4-FFF2-40B4-BE49-F238E27FC236}">
                <a16:creationId xmlns:a16="http://schemas.microsoft.com/office/drawing/2014/main" id="{BDED40C7-F427-EC43-A3D5-CC643F052C32}"/>
              </a:ext>
            </a:extLst>
          </p:cNvPr>
          <p:cNvCxnSpPr>
            <a:cxnSpLocks/>
          </p:cNvCxnSpPr>
          <p:nvPr/>
        </p:nvCxnSpPr>
        <p:spPr>
          <a:xfrm>
            <a:off x="5325447" y="2412191"/>
            <a:ext cx="0" cy="143269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 18">
            <a:extLst>
              <a:ext uri="{FF2B5EF4-FFF2-40B4-BE49-F238E27FC236}">
                <a16:creationId xmlns:a16="http://schemas.microsoft.com/office/drawing/2014/main" id="{39A8F798-567F-AE43-9B0B-471B0C1D1829}"/>
              </a:ext>
            </a:extLst>
          </p:cNvPr>
          <p:cNvSpPr/>
          <p:nvPr/>
        </p:nvSpPr>
        <p:spPr>
          <a:xfrm>
            <a:off x="1679441" y="2958413"/>
            <a:ext cx="1319592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roof</a:t>
            </a: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-of-</a:t>
            </a:r>
            <a:r>
              <a:rPr kumimoji="0" lang="da-DK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concept</a:t>
            </a:r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1D7BFA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717F1EC4-4DEC-0F4C-9C70-F05650C08E65}"/>
              </a:ext>
            </a:extLst>
          </p:cNvPr>
          <p:cNvSpPr/>
          <p:nvPr/>
        </p:nvSpPr>
        <p:spPr>
          <a:xfrm>
            <a:off x="3912012" y="2958413"/>
            <a:ext cx="841897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rototype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1AC6E111-7D27-F84F-8478-D58766B8222E}"/>
              </a:ext>
            </a:extLst>
          </p:cNvPr>
          <p:cNvSpPr/>
          <p:nvPr/>
        </p:nvSpPr>
        <p:spPr>
          <a:xfrm>
            <a:off x="5399010" y="2958413"/>
            <a:ext cx="1821909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est og markedsadgang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FB8B6243-7A73-594C-ACE1-1469DBE4AE4C}"/>
              </a:ext>
            </a:extLst>
          </p:cNvPr>
          <p:cNvSpPr/>
          <p:nvPr/>
        </p:nvSpPr>
        <p:spPr>
          <a:xfrm>
            <a:off x="7679468" y="2958413"/>
            <a:ext cx="1257075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erieproduktion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DFE3701D-6E35-594D-94B7-30ADD8CEC611}"/>
              </a:ext>
            </a:extLst>
          </p:cNvPr>
          <p:cNvSpPr/>
          <p:nvPr/>
        </p:nvSpPr>
        <p:spPr>
          <a:xfrm>
            <a:off x="9667293" y="2958413"/>
            <a:ext cx="1257075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enanvendels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1F2D38E-71E6-F044-B7DA-4E1D424B0491}"/>
              </a:ext>
            </a:extLst>
          </p:cNvPr>
          <p:cNvSpPr/>
          <p:nvPr/>
        </p:nvSpPr>
        <p:spPr>
          <a:xfrm>
            <a:off x="703031" y="4516989"/>
            <a:ext cx="1335622" cy="276999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(Grund)forskning</a:t>
            </a: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FA978D49-98CA-D049-9B9E-BAD726CB8536}"/>
              </a:ext>
            </a:extLst>
          </p:cNvPr>
          <p:cNvSpPr/>
          <p:nvPr/>
        </p:nvSpPr>
        <p:spPr>
          <a:xfrm>
            <a:off x="943836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9" name="Oval 128">
            <a:extLst>
              <a:ext uri="{FF2B5EF4-FFF2-40B4-BE49-F238E27FC236}">
                <a16:creationId xmlns:a16="http://schemas.microsoft.com/office/drawing/2014/main" id="{FEA05B84-498D-A24B-9FA9-FF9B3998F46C}"/>
              </a:ext>
            </a:extLst>
          </p:cNvPr>
          <p:cNvSpPr/>
          <p:nvPr/>
        </p:nvSpPr>
        <p:spPr>
          <a:xfrm>
            <a:off x="1935054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1" name="Oval 140">
            <a:extLst>
              <a:ext uri="{FF2B5EF4-FFF2-40B4-BE49-F238E27FC236}">
                <a16:creationId xmlns:a16="http://schemas.microsoft.com/office/drawing/2014/main" id="{45D3714E-F85D-DA44-9B8C-180F1D99432E}"/>
              </a:ext>
            </a:extLst>
          </p:cNvPr>
          <p:cNvSpPr/>
          <p:nvPr/>
        </p:nvSpPr>
        <p:spPr>
          <a:xfrm>
            <a:off x="2926272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3" name="Oval 142">
            <a:extLst>
              <a:ext uri="{FF2B5EF4-FFF2-40B4-BE49-F238E27FC236}">
                <a16:creationId xmlns:a16="http://schemas.microsoft.com/office/drawing/2014/main" id="{2D5F68C7-04CA-3A45-A434-22FC784C2F2E}"/>
              </a:ext>
            </a:extLst>
          </p:cNvPr>
          <p:cNvSpPr/>
          <p:nvPr/>
        </p:nvSpPr>
        <p:spPr>
          <a:xfrm>
            <a:off x="3917490" y="3423135"/>
            <a:ext cx="852547" cy="852547"/>
          </a:xfrm>
          <a:prstGeom prst="ellipse">
            <a:avLst/>
          </a:prstGeom>
          <a:solidFill>
            <a:schemeClr val="accent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4" name="Oval 143">
            <a:extLst>
              <a:ext uri="{FF2B5EF4-FFF2-40B4-BE49-F238E27FC236}">
                <a16:creationId xmlns:a16="http://schemas.microsoft.com/office/drawing/2014/main" id="{D700F9EF-337A-7149-A264-2D1E03097728}"/>
              </a:ext>
            </a:extLst>
          </p:cNvPr>
          <p:cNvSpPr/>
          <p:nvPr/>
        </p:nvSpPr>
        <p:spPr>
          <a:xfrm>
            <a:off x="4908708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5" name="Oval 144">
            <a:extLst>
              <a:ext uri="{FF2B5EF4-FFF2-40B4-BE49-F238E27FC236}">
                <a16:creationId xmlns:a16="http://schemas.microsoft.com/office/drawing/2014/main" id="{1850DC1A-69C4-7747-B482-954CFE2ED74A}"/>
              </a:ext>
            </a:extLst>
          </p:cNvPr>
          <p:cNvSpPr/>
          <p:nvPr/>
        </p:nvSpPr>
        <p:spPr>
          <a:xfrm>
            <a:off x="5899926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54" name="Oval 153">
            <a:extLst>
              <a:ext uri="{FF2B5EF4-FFF2-40B4-BE49-F238E27FC236}">
                <a16:creationId xmlns:a16="http://schemas.microsoft.com/office/drawing/2014/main" id="{CC2E7A12-4CA2-7143-9A84-1EE5CD23AB8E}"/>
              </a:ext>
            </a:extLst>
          </p:cNvPr>
          <p:cNvSpPr/>
          <p:nvPr/>
        </p:nvSpPr>
        <p:spPr>
          <a:xfrm>
            <a:off x="6891144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55" name="Oval 154">
            <a:extLst>
              <a:ext uri="{FF2B5EF4-FFF2-40B4-BE49-F238E27FC236}">
                <a16:creationId xmlns:a16="http://schemas.microsoft.com/office/drawing/2014/main" id="{F913DA22-A39D-1849-975D-7E4803F0F2EF}"/>
              </a:ext>
            </a:extLst>
          </p:cNvPr>
          <p:cNvSpPr/>
          <p:nvPr/>
        </p:nvSpPr>
        <p:spPr>
          <a:xfrm>
            <a:off x="7882362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56" name="Oval 155">
            <a:extLst>
              <a:ext uri="{FF2B5EF4-FFF2-40B4-BE49-F238E27FC236}">
                <a16:creationId xmlns:a16="http://schemas.microsoft.com/office/drawing/2014/main" id="{A901A8DD-375C-9C43-8846-659011FB2A2B}"/>
              </a:ext>
            </a:extLst>
          </p:cNvPr>
          <p:cNvSpPr/>
          <p:nvPr/>
        </p:nvSpPr>
        <p:spPr>
          <a:xfrm>
            <a:off x="8873580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57" name="Oval 156">
            <a:extLst>
              <a:ext uri="{FF2B5EF4-FFF2-40B4-BE49-F238E27FC236}">
                <a16:creationId xmlns:a16="http://schemas.microsoft.com/office/drawing/2014/main" id="{0DB69D2C-30C1-9B4B-992B-912F2D5EBA41}"/>
              </a:ext>
            </a:extLst>
          </p:cNvPr>
          <p:cNvSpPr/>
          <p:nvPr/>
        </p:nvSpPr>
        <p:spPr>
          <a:xfrm>
            <a:off x="9864798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58" name="Oval 157">
            <a:extLst>
              <a:ext uri="{FF2B5EF4-FFF2-40B4-BE49-F238E27FC236}">
                <a16:creationId xmlns:a16="http://schemas.microsoft.com/office/drawing/2014/main" id="{9816C78E-A075-D747-B169-A1AE5E1D4E01}"/>
              </a:ext>
            </a:extLst>
          </p:cNvPr>
          <p:cNvSpPr/>
          <p:nvPr/>
        </p:nvSpPr>
        <p:spPr>
          <a:xfrm>
            <a:off x="10856017" y="3423135"/>
            <a:ext cx="852547" cy="852547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76" name="Graphic 75">
            <a:extLst>
              <a:ext uri="{FF2B5EF4-FFF2-40B4-BE49-F238E27FC236}">
                <a16:creationId xmlns:a16="http://schemas.microsoft.com/office/drawing/2014/main" id="{B4892593-05BA-1A45-8105-F2BC3DA9EB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840042" y="3343788"/>
            <a:ext cx="990000" cy="990000"/>
          </a:xfrm>
          <a:prstGeom prst="rect">
            <a:avLst/>
          </a:prstGeom>
        </p:spPr>
      </p:pic>
      <p:pic>
        <p:nvPicPr>
          <p:cNvPr id="77" name="Graphic 76">
            <a:extLst>
              <a:ext uri="{FF2B5EF4-FFF2-40B4-BE49-F238E27FC236}">
                <a16:creationId xmlns:a16="http://schemas.microsoft.com/office/drawing/2014/main" id="{D3BDB818-647C-BE4C-A1BA-66B6C4B9737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813625" y="3343788"/>
            <a:ext cx="990000" cy="990000"/>
          </a:xfrm>
          <a:prstGeom prst="rect">
            <a:avLst/>
          </a:prstGeom>
        </p:spPr>
      </p:pic>
      <p:pic>
        <p:nvPicPr>
          <p:cNvPr id="79" name="Graphic 78">
            <a:extLst>
              <a:ext uri="{FF2B5EF4-FFF2-40B4-BE49-F238E27FC236}">
                <a16:creationId xmlns:a16="http://schemas.microsoft.com/office/drawing/2014/main" id="{C67B6203-CD83-E043-8829-4FAD3D27C321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827355" y="3343788"/>
            <a:ext cx="990000" cy="990000"/>
          </a:xfrm>
          <a:prstGeom prst="rect">
            <a:avLst/>
          </a:prstGeom>
        </p:spPr>
      </p:pic>
      <p:pic>
        <p:nvPicPr>
          <p:cNvPr id="82" name="Graphic 81">
            <a:extLst>
              <a:ext uri="{FF2B5EF4-FFF2-40B4-BE49-F238E27FC236}">
                <a16:creationId xmlns:a16="http://schemas.microsoft.com/office/drawing/2014/main" id="{4CDC19F3-26D6-8244-9DEA-C9572269FBC1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5817762" y="3343788"/>
            <a:ext cx="990000" cy="990000"/>
          </a:xfrm>
          <a:prstGeom prst="rect">
            <a:avLst/>
          </a:prstGeom>
        </p:spPr>
      </p:pic>
      <p:pic>
        <p:nvPicPr>
          <p:cNvPr id="85" name="Graphic 84">
            <a:extLst>
              <a:ext uri="{FF2B5EF4-FFF2-40B4-BE49-F238E27FC236}">
                <a16:creationId xmlns:a16="http://schemas.microsoft.com/office/drawing/2014/main" id="{F2B5955F-A106-9F49-B6B6-4E3050C06F5A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8784350" y="3343788"/>
            <a:ext cx="990000" cy="990000"/>
          </a:xfrm>
          <a:prstGeom prst="rect">
            <a:avLst/>
          </a:prstGeom>
        </p:spPr>
      </p:pic>
      <p:pic>
        <p:nvPicPr>
          <p:cNvPr id="88" name="Graphic 87">
            <a:extLst>
              <a:ext uri="{FF2B5EF4-FFF2-40B4-BE49-F238E27FC236}">
                <a16:creationId xmlns:a16="http://schemas.microsoft.com/office/drawing/2014/main" id="{CD267A6C-00B6-F449-838A-EAA97EA8EBE0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9794431" y="3343788"/>
            <a:ext cx="990000" cy="990000"/>
          </a:xfrm>
          <a:prstGeom prst="rect">
            <a:avLst/>
          </a:prstGeom>
        </p:spPr>
      </p:pic>
      <p:pic>
        <p:nvPicPr>
          <p:cNvPr id="91" name="Graphic 90">
            <a:extLst>
              <a:ext uri="{FF2B5EF4-FFF2-40B4-BE49-F238E27FC236}">
                <a16:creationId xmlns:a16="http://schemas.microsoft.com/office/drawing/2014/main" id="{EB4248A6-CE8F-FC4D-9E47-526F08880C76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0787059" y="3343788"/>
            <a:ext cx="990000" cy="990000"/>
          </a:xfrm>
          <a:prstGeom prst="rect">
            <a:avLst/>
          </a:prstGeom>
        </p:spPr>
      </p:pic>
      <p:pic>
        <p:nvPicPr>
          <p:cNvPr id="94" name="Graphic 93">
            <a:extLst>
              <a:ext uri="{FF2B5EF4-FFF2-40B4-BE49-F238E27FC236}">
                <a16:creationId xmlns:a16="http://schemas.microsoft.com/office/drawing/2014/main" id="{7038B060-F523-0F4D-BCA3-A24C91327A80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872462" y="3343788"/>
            <a:ext cx="990000" cy="990000"/>
          </a:xfrm>
          <a:prstGeom prst="rect">
            <a:avLst/>
          </a:prstGeom>
        </p:spPr>
      </p:pic>
      <p:pic>
        <p:nvPicPr>
          <p:cNvPr id="101" name="Graphic 100">
            <a:extLst>
              <a:ext uri="{FF2B5EF4-FFF2-40B4-BE49-F238E27FC236}">
                <a16:creationId xmlns:a16="http://schemas.microsoft.com/office/drawing/2014/main" id="{5A820C0B-0A8D-4A40-8BB5-1B7498C97282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1868757" y="3343788"/>
            <a:ext cx="990000" cy="990000"/>
          </a:xfrm>
          <a:prstGeom prst="rect">
            <a:avLst/>
          </a:prstGeom>
        </p:spPr>
      </p:pic>
      <p:pic>
        <p:nvPicPr>
          <p:cNvPr id="102" name="Graphic 101">
            <a:extLst>
              <a:ext uri="{FF2B5EF4-FFF2-40B4-BE49-F238E27FC236}">
                <a16:creationId xmlns:a16="http://schemas.microsoft.com/office/drawing/2014/main" id="{46A3D9E3-DCBA-884F-AA92-EB09676F8D99}"/>
              </a:ext>
            </a:extLst>
          </p:cNvPr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2876855" y="3343788"/>
            <a:ext cx="990000" cy="990000"/>
          </a:xfrm>
          <a:prstGeom prst="rect">
            <a:avLst/>
          </a:prstGeom>
        </p:spPr>
      </p:pic>
      <p:pic>
        <p:nvPicPr>
          <p:cNvPr id="104" name="Graphic 103">
            <a:extLst>
              <a:ext uri="{FF2B5EF4-FFF2-40B4-BE49-F238E27FC236}">
                <a16:creationId xmlns:a16="http://schemas.microsoft.com/office/drawing/2014/main" id="{1F970F80-ADB6-8A48-B922-4715E3F53350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3822884" y="3343788"/>
            <a:ext cx="990000" cy="990000"/>
          </a:xfrm>
          <a:prstGeom prst="rect">
            <a:avLst/>
          </a:prstGeom>
        </p:spPr>
      </p:pic>
      <p:grpSp>
        <p:nvGrpSpPr>
          <p:cNvPr id="103" name="Group 102">
            <a:extLst>
              <a:ext uri="{FF2B5EF4-FFF2-40B4-BE49-F238E27FC236}">
                <a16:creationId xmlns:a16="http://schemas.microsoft.com/office/drawing/2014/main" id="{D25A51A8-749D-487E-B475-92F70F5DF28C}"/>
              </a:ext>
            </a:extLst>
          </p:cNvPr>
          <p:cNvGrpSpPr>
            <a:grpSpLocks noChangeAspect="1"/>
          </p:cNvGrpSpPr>
          <p:nvPr/>
        </p:nvGrpSpPr>
        <p:grpSpPr>
          <a:xfrm>
            <a:off x="2394905" y="2028355"/>
            <a:ext cx="834275" cy="834275"/>
            <a:chOff x="92869" y="92869"/>
            <a:chExt cx="1254125" cy="1254125"/>
          </a:xfrm>
          <a:solidFill>
            <a:schemeClr val="accent4"/>
          </a:solidFill>
        </p:grpSpPr>
        <p:pic>
          <p:nvPicPr>
            <p:cNvPr id="105" name="Graphic 4">
              <a:extLst>
                <a:ext uri="{FF2B5EF4-FFF2-40B4-BE49-F238E27FC236}">
                  <a16:creationId xmlns:a16="http://schemas.microsoft.com/office/drawing/2014/main" id="{2F1208AC-20A5-44A0-BFF2-30649CF495DC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6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106" name="Graphic 105">
              <a:extLst>
                <a:ext uri="{FF2B5EF4-FFF2-40B4-BE49-F238E27FC236}">
                  <a16:creationId xmlns:a16="http://schemas.microsoft.com/office/drawing/2014/main" id="{84CC1823-C38F-4BBB-A6A2-E773993773C9}"/>
                </a:ext>
              </a:extLst>
            </p:cNvPr>
            <p:cNvPicPr>
              <a:picLocks noChangeAspect="1"/>
            </p:cNvPicPr>
            <p:nvPr/>
          </p:nvPicPr>
          <p:blipFill>
            <a:blip r:embed="rId2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8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107" name="Group 106">
            <a:extLst>
              <a:ext uri="{FF2B5EF4-FFF2-40B4-BE49-F238E27FC236}">
                <a16:creationId xmlns:a16="http://schemas.microsoft.com/office/drawing/2014/main" id="{EF483714-0F23-48AB-851A-28DB12703342}"/>
              </a:ext>
            </a:extLst>
          </p:cNvPr>
          <p:cNvGrpSpPr>
            <a:grpSpLocks noChangeAspect="1"/>
          </p:cNvGrpSpPr>
          <p:nvPr/>
        </p:nvGrpSpPr>
        <p:grpSpPr>
          <a:xfrm>
            <a:off x="5408142" y="4907770"/>
            <a:ext cx="834275" cy="834275"/>
            <a:chOff x="92869" y="92869"/>
            <a:chExt cx="1254125" cy="1254125"/>
          </a:xfrm>
          <a:solidFill>
            <a:schemeClr val="accent4"/>
          </a:solidFill>
        </p:grpSpPr>
        <p:pic>
          <p:nvPicPr>
            <p:cNvPr id="108" name="Graphic 4">
              <a:extLst>
                <a:ext uri="{FF2B5EF4-FFF2-40B4-BE49-F238E27FC236}">
                  <a16:creationId xmlns:a16="http://schemas.microsoft.com/office/drawing/2014/main" id="{6FEF8577-B4A3-4400-B539-099FBB15E4A1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6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109" name="Graphic 108">
              <a:extLst>
                <a:ext uri="{FF2B5EF4-FFF2-40B4-BE49-F238E27FC236}">
                  <a16:creationId xmlns:a16="http://schemas.microsoft.com/office/drawing/2014/main" id="{F13592BF-6617-4C2D-BDE8-587031BE3D07}"/>
                </a:ext>
              </a:extLst>
            </p:cNvPr>
            <p:cNvPicPr>
              <a:picLocks noChangeAspect="1"/>
            </p:cNvPicPr>
            <p:nvPr/>
          </p:nvPicPr>
          <p:blipFill>
            <a:blip r:embed="rId2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8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110" name="Group 109">
            <a:extLst>
              <a:ext uri="{FF2B5EF4-FFF2-40B4-BE49-F238E27FC236}">
                <a16:creationId xmlns:a16="http://schemas.microsoft.com/office/drawing/2014/main" id="{EDAF9215-3AEC-4ECF-B8EC-D0F3E121A8CC}"/>
              </a:ext>
            </a:extLst>
          </p:cNvPr>
          <p:cNvGrpSpPr>
            <a:grpSpLocks noChangeAspect="1"/>
          </p:cNvGrpSpPr>
          <p:nvPr/>
        </p:nvGrpSpPr>
        <p:grpSpPr>
          <a:xfrm>
            <a:off x="6426318" y="2005542"/>
            <a:ext cx="834275" cy="834275"/>
            <a:chOff x="92869" y="92869"/>
            <a:chExt cx="1254125" cy="1254125"/>
          </a:xfrm>
          <a:solidFill>
            <a:schemeClr val="accent4"/>
          </a:solidFill>
        </p:grpSpPr>
        <p:pic>
          <p:nvPicPr>
            <p:cNvPr id="111" name="Graphic 4">
              <a:extLst>
                <a:ext uri="{FF2B5EF4-FFF2-40B4-BE49-F238E27FC236}">
                  <a16:creationId xmlns:a16="http://schemas.microsoft.com/office/drawing/2014/main" id="{450BE845-EB28-405D-AC42-916E828C961E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6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112" name="Graphic 111">
              <a:extLst>
                <a:ext uri="{FF2B5EF4-FFF2-40B4-BE49-F238E27FC236}">
                  <a16:creationId xmlns:a16="http://schemas.microsoft.com/office/drawing/2014/main" id="{518685D8-55AC-467B-ACFA-E79881ACCEFC}"/>
                </a:ext>
              </a:extLst>
            </p:cNvPr>
            <p:cNvPicPr>
              <a:picLocks noChangeAspect="1"/>
            </p:cNvPicPr>
            <p:nvPr/>
          </p:nvPicPr>
          <p:blipFill>
            <a:blip r:embed="rId2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8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113" name="Group 112">
            <a:extLst>
              <a:ext uri="{FF2B5EF4-FFF2-40B4-BE49-F238E27FC236}">
                <a16:creationId xmlns:a16="http://schemas.microsoft.com/office/drawing/2014/main" id="{4893BF5D-C36A-4BE9-B332-B2AD702880BA}"/>
              </a:ext>
            </a:extLst>
          </p:cNvPr>
          <p:cNvGrpSpPr>
            <a:grpSpLocks noChangeAspect="1"/>
          </p:cNvGrpSpPr>
          <p:nvPr/>
        </p:nvGrpSpPr>
        <p:grpSpPr>
          <a:xfrm>
            <a:off x="9382234" y="4946128"/>
            <a:ext cx="834275" cy="834275"/>
            <a:chOff x="92869" y="92869"/>
            <a:chExt cx="1254125" cy="1254125"/>
          </a:xfrm>
          <a:solidFill>
            <a:schemeClr val="accent4"/>
          </a:solidFill>
        </p:grpSpPr>
        <p:pic>
          <p:nvPicPr>
            <p:cNvPr id="114" name="Graphic 4">
              <a:extLst>
                <a:ext uri="{FF2B5EF4-FFF2-40B4-BE49-F238E27FC236}">
                  <a16:creationId xmlns:a16="http://schemas.microsoft.com/office/drawing/2014/main" id="{7AABD271-C2AA-43E3-A46D-A1A2F9426B34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6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115" name="Graphic 114">
              <a:extLst>
                <a:ext uri="{FF2B5EF4-FFF2-40B4-BE49-F238E27FC236}">
                  <a16:creationId xmlns:a16="http://schemas.microsoft.com/office/drawing/2014/main" id="{34663BFB-7686-458D-9A8D-14B8C2279DCD}"/>
                </a:ext>
              </a:extLst>
            </p:cNvPr>
            <p:cNvPicPr>
              <a:picLocks noChangeAspect="1"/>
            </p:cNvPicPr>
            <p:nvPr/>
          </p:nvPicPr>
          <p:blipFill>
            <a:blip r:embed="rId2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8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862962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6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7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8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9" dur="5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1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2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3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4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6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7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8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9" dur="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1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2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3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4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6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7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8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1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2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3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6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7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8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9" dur="500" fill="hold"/>
                                        <p:tgtEl>
                                          <p:spTgt spid="6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41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42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43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44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46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47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48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49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51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52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53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54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56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57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58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59" dur="5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61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62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63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64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66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67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68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69" dur="50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71" dur="500" fill="hold"/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72" dur="500" fill="hold"/>
                                        <p:tgtEl>
                                          <p:spTgt spid="8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73" dur="500" fill="hold"/>
                                        <p:tgtEl>
                                          <p:spTgt spid="8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74" dur="500" fill="hold"/>
                                        <p:tgtEl>
                                          <p:spTgt spid="8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76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77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78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79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81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82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83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84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86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87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88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89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91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92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93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94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96" dur="50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97" dur="50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98" dur="50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99" dur="50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01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02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03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04" dur="500" fill="hold"/>
                                        <p:tgtEl>
                                          <p:spTgt spid="9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06" dur="500" fill="hold"/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07" dur="500" fill="hold"/>
                                        <p:tgtEl>
                                          <p:spTgt spid="9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08" dur="500" fill="hold"/>
                                        <p:tgtEl>
                                          <p:spTgt spid="9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09" dur="500" fill="hold"/>
                                        <p:tgtEl>
                                          <p:spTgt spid="9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11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12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13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14" dur="50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16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17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18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19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21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22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23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24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26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27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28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29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31" dur="500" fill="hold"/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32" dur="500" fill="hold"/>
                                        <p:tgtEl>
                                          <p:spTgt spid="13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33" dur="500" fill="hold"/>
                                        <p:tgtEl>
                                          <p:spTgt spid="13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34" dur="500" fill="hold"/>
                                        <p:tgtEl>
                                          <p:spTgt spid="13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36" dur="500" fill="hold"/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37" dur="500" fill="hold"/>
                                        <p:tgtEl>
                                          <p:spTgt spid="13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38" dur="500" fill="hold"/>
                                        <p:tgtEl>
                                          <p:spTgt spid="13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39" dur="500" fill="hold"/>
                                        <p:tgtEl>
                                          <p:spTgt spid="13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41" dur="500" fill="hold"/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42" dur="500" fill="hold"/>
                                        <p:tgtEl>
                                          <p:spTgt spid="13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43" dur="500" fill="hold"/>
                                        <p:tgtEl>
                                          <p:spTgt spid="13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44" dur="500" fill="hold"/>
                                        <p:tgtEl>
                                          <p:spTgt spid="13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46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47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48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49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51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52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53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54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56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57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58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59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61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62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63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64" dur="5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66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67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68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69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71" dur="500" fill="hold"/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72" dur="500" fill="hold"/>
                                        <p:tgtEl>
                                          <p:spTgt spid="13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73" dur="500" fill="hold"/>
                                        <p:tgtEl>
                                          <p:spTgt spid="135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74" dur="500" fill="hold"/>
                                        <p:tgtEl>
                                          <p:spTgt spid="13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76" dur="500" fill="hold"/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77" dur="500" fill="hold"/>
                                        <p:tgtEl>
                                          <p:spTgt spid="13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78" dur="500" fill="hold"/>
                                        <p:tgtEl>
                                          <p:spTgt spid="13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79" dur="500" fill="hold"/>
                                        <p:tgtEl>
                                          <p:spTgt spid="13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81" dur="500" fill="hold"/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82" dur="500" fill="hold"/>
                                        <p:tgtEl>
                                          <p:spTgt spid="13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83" dur="500" fill="hold"/>
                                        <p:tgtEl>
                                          <p:spTgt spid="13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84" dur="500" fill="hold"/>
                                        <p:tgtEl>
                                          <p:spTgt spid="13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86" dur="500" fill="hold"/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87" dur="500" fill="hold"/>
                                        <p:tgtEl>
                                          <p:spTgt spid="13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88" dur="500" fill="hold"/>
                                        <p:tgtEl>
                                          <p:spTgt spid="138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89" dur="500" fill="hold"/>
                                        <p:tgtEl>
                                          <p:spTgt spid="13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91" dur="500" fill="hold"/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92" dur="500" fill="hold"/>
                                        <p:tgtEl>
                                          <p:spTgt spid="14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93" dur="500" fill="hold"/>
                                        <p:tgtEl>
                                          <p:spTgt spid="14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94" dur="500" fill="hold"/>
                                        <p:tgtEl>
                                          <p:spTgt spid="14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96" dur="500" fill="hold"/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97" dur="500" fill="hold"/>
                                        <p:tgtEl>
                                          <p:spTgt spid="14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198" dur="500" fill="hold"/>
                                        <p:tgtEl>
                                          <p:spTgt spid="14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199" dur="500" fill="hold"/>
                                        <p:tgtEl>
                                          <p:spTgt spid="14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01" dur="500" fill="hold"/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02" dur="500" fill="hold"/>
                                        <p:tgtEl>
                                          <p:spTgt spid="14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03" dur="500" fill="hold"/>
                                        <p:tgtEl>
                                          <p:spTgt spid="148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04" dur="500" fill="hold"/>
                                        <p:tgtEl>
                                          <p:spTgt spid="14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06" dur="500" fill="hold"/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07" dur="500" fill="hold"/>
                                        <p:tgtEl>
                                          <p:spTgt spid="14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08" dur="500" fill="hold"/>
                                        <p:tgtEl>
                                          <p:spTgt spid="149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09" dur="500" fill="hold"/>
                                        <p:tgtEl>
                                          <p:spTgt spid="14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11" dur="500" fill="hold"/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12" dur="500" fill="hold"/>
                                        <p:tgtEl>
                                          <p:spTgt spid="15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13" dur="500" fill="hold"/>
                                        <p:tgtEl>
                                          <p:spTgt spid="15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14" dur="500" fill="hold"/>
                                        <p:tgtEl>
                                          <p:spTgt spid="15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16" dur="500" fill="hold"/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17" dur="500" fill="hold"/>
                                        <p:tgtEl>
                                          <p:spTgt spid="15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18" dur="500" fill="hold"/>
                                        <p:tgtEl>
                                          <p:spTgt spid="15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19" dur="500" fill="hold"/>
                                        <p:tgtEl>
                                          <p:spTgt spid="15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21" dur="500" fill="hold"/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22" dur="500" fill="hold"/>
                                        <p:tgtEl>
                                          <p:spTgt spid="15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23" dur="500" fill="hold"/>
                                        <p:tgtEl>
                                          <p:spTgt spid="15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24" dur="500" fill="hold"/>
                                        <p:tgtEl>
                                          <p:spTgt spid="15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26" dur="500" fill="hold"/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27" dur="500" fill="hold"/>
                                        <p:tgtEl>
                                          <p:spTgt spid="15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28" dur="500" fill="hold"/>
                                        <p:tgtEl>
                                          <p:spTgt spid="15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29" dur="500" fill="hold"/>
                                        <p:tgtEl>
                                          <p:spTgt spid="15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31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32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33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34" dur="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36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37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3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3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41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42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43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44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46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47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48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49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51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52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53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54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56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5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5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5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61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62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63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64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66" dur="500" fill="hold"/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67" dur="500" fill="hold"/>
                                        <p:tgtEl>
                                          <p:spTgt spid="12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68" dur="500" fill="hold"/>
                                        <p:tgtEl>
                                          <p:spTgt spid="129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69" dur="500" fill="hold"/>
                                        <p:tgtEl>
                                          <p:spTgt spid="12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71" dur="500" fill="hold"/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72" dur="500" fill="hold"/>
                                        <p:tgtEl>
                                          <p:spTgt spid="14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73" dur="500" fill="hold"/>
                                        <p:tgtEl>
                                          <p:spTgt spid="14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74" dur="500" fill="hold"/>
                                        <p:tgtEl>
                                          <p:spTgt spid="14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76" dur="500" fill="hold"/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77" dur="500" fill="hold"/>
                                        <p:tgtEl>
                                          <p:spTgt spid="14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78" dur="500" fill="hold"/>
                                        <p:tgtEl>
                                          <p:spTgt spid="14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79" dur="500" fill="hold"/>
                                        <p:tgtEl>
                                          <p:spTgt spid="14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81" dur="500" fill="hold"/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82" dur="500" fill="hold"/>
                                        <p:tgtEl>
                                          <p:spTgt spid="14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83" dur="500" fill="hold"/>
                                        <p:tgtEl>
                                          <p:spTgt spid="144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84" dur="500" fill="hold"/>
                                        <p:tgtEl>
                                          <p:spTgt spid="14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86" dur="500" fill="hold"/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87" dur="500" fill="hold"/>
                                        <p:tgtEl>
                                          <p:spTgt spid="14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88" dur="500" fill="hold"/>
                                        <p:tgtEl>
                                          <p:spTgt spid="145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89" dur="500" fill="hold"/>
                                        <p:tgtEl>
                                          <p:spTgt spid="14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91" dur="500" fill="hold"/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92" dur="500" fill="hold"/>
                                        <p:tgtEl>
                                          <p:spTgt spid="15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93" dur="500" fill="hold"/>
                                        <p:tgtEl>
                                          <p:spTgt spid="154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94" dur="500" fill="hold"/>
                                        <p:tgtEl>
                                          <p:spTgt spid="15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296" dur="500" fill="hold"/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97" dur="500" fill="hold"/>
                                        <p:tgtEl>
                                          <p:spTgt spid="15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298" dur="500" fill="hold"/>
                                        <p:tgtEl>
                                          <p:spTgt spid="155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299" dur="500" fill="hold"/>
                                        <p:tgtEl>
                                          <p:spTgt spid="15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01" dur="500" fill="hold"/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02" dur="500" fill="hold"/>
                                        <p:tgtEl>
                                          <p:spTgt spid="15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03" dur="500" fill="hold"/>
                                        <p:tgtEl>
                                          <p:spTgt spid="15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04" dur="500" fill="hold"/>
                                        <p:tgtEl>
                                          <p:spTgt spid="15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5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06" dur="500" fill="hold"/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07" dur="500" fill="hold"/>
                                        <p:tgtEl>
                                          <p:spTgt spid="15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08" dur="500" fill="hold"/>
                                        <p:tgtEl>
                                          <p:spTgt spid="15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09" dur="500" fill="hold"/>
                                        <p:tgtEl>
                                          <p:spTgt spid="15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0" presetID="30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11" dur="500" fill="hold"/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12" dur="500" fill="hold"/>
                                        <p:tgtEl>
                                          <p:spTgt spid="15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13" dur="500" fill="hold"/>
                                        <p:tgtEl>
                                          <p:spTgt spid="158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14" dur="500" fill="hold"/>
                                        <p:tgtEl>
                                          <p:spTgt spid="15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16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17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18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19" dur="500" fill="hold"/>
                                        <p:tgtEl>
                                          <p:spTgt spid="76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21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22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23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24" dur="50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26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27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28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29" dur="5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31" dur="5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32" dur="5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33" dur="5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34" dur="5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36" dur="50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37" dur="50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38" dur="50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39" dur="500" fill="hold"/>
                                        <p:tgtEl>
                                          <p:spTgt spid="8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41" dur="500" fill="hold"/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42" dur="500" fill="hold"/>
                                        <p:tgtEl>
                                          <p:spTgt spid="8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43" dur="500" fill="hold"/>
                                        <p:tgtEl>
                                          <p:spTgt spid="88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44" dur="500" fill="hold"/>
                                        <p:tgtEl>
                                          <p:spTgt spid="8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46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47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48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49" dur="5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51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52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53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54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56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57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58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59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0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61" dur="50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62" dur="50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63" dur="50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64" dur="50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5" presetID="30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66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67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animClr clrSpc="hsl" dir="cw">
                                      <p:cBhvr>
                                        <p:cTn id="368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12549" l="25098"/>
                                      </p:by>
                                    </p:animClr>
                                    <p:set>
                                      <p:cBhvr>
                                        <p:cTn id="369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0" fill="hold">
                      <p:stCondLst>
                        <p:cond delay="indefinite"/>
                      </p:stCondLst>
                      <p:childTnLst>
                        <p:par>
                          <p:cTn id="371" fill="hold">
                            <p:stCondLst>
                              <p:cond delay="0"/>
                            </p:stCondLst>
                            <p:childTnLst>
                              <p:par>
                                <p:cTn id="37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4" dur="10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75" dur="1000" fill="hold"/>
                                        <p:tgtEl>
                                          <p:spTgt spid="10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6" dur="1000" fill="hold"/>
                                        <p:tgtEl>
                                          <p:spTgt spid="10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7" fill="hold">
                            <p:stCondLst>
                              <p:cond delay="1000"/>
                            </p:stCondLst>
                            <p:childTnLst>
                              <p:par>
                                <p:cTn id="378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0" dur="10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1" dur="1000" fill="hold"/>
                                        <p:tgtEl>
                                          <p:spTgt spid="10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2" dur="1000" fill="hold"/>
                                        <p:tgtEl>
                                          <p:spTgt spid="10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3" fill="hold">
                            <p:stCondLst>
                              <p:cond delay="2000"/>
                            </p:stCondLst>
                            <p:childTnLst>
                              <p:par>
                                <p:cTn id="384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6" dur="10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7" dur="1000" fill="hold"/>
                                        <p:tgtEl>
                                          <p:spTgt spid="1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8" dur="1000" fill="hold"/>
                                        <p:tgtEl>
                                          <p:spTgt spid="1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9" fill="hold">
                            <p:stCondLst>
                              <p:cond delay="3000"/>
                            </p:stCondLst>
                            <p:childTnLst>
                              <p:par>
                                <p:cTn id="390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2" dur="10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93" dur="1000" fill="hold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4" dur="1000" fill="hold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2" grpId="0" animBg="1"/>
      <p:bldP spid="59" grpId="0" animBg="1"/>
      <p:bldP spid="60" grpId="0" animBg="1"/>
      <p:bldP spid="61" grpId="0" animBg="1"/>
      <p:bldP spid="83" grpId="0" animBg="1"/>
      <p:bldP spid="84" grpId="0" animBg="1"/>
      <p:bldP spid="89" grpId="0" animBg="1"/>
      <p:bldP spid="90" grpId="0" animBg="1"/>
      <p:bldP spid="95" grpId="0" animBg="1"/>
      <p:bldP spid="96" grpId="0" animBg="1"/>
      <p:bldP spid="99" grpId="0" animBg="1"/>
      <p:bldP spid="100" grpId="0" animBg="1"/>
      <p:bldP spid="130" grpId="0" animBg="1"/>
      <p:bldP spid="131" grpId="0" animBg="1"/>
      <p:bldP spid="20" grpId="0" animBg="1"/>
      <p:bldP spid="22" grpId="0" animBg="1"/>
      <p:bldP spid="24" grpId="0" animBg="1"/>
      <p:bldP spid="26" grpId="0" animBg="1"/>
      <p:bldP spid="28" grpId="0" animBg="1"/>
      <p:bldP spid="136" grpId="0" animBg="1"/>
      <p:bldP spid="137" grpId="0" animBg="1"/>
      <p:bldP spid="147" grpId="0" animBg="1"/>
      <p:bldP spid="148" grpId="0" animBg="1"/>
      <p:bldP spid="151" grpId="0" animBg="1"/>
      <p:bldP spid="152" grpId="0" animBg="1"/>
      <p:bldP spid="19" grpId="0" animBg="1"/>
      <p:bldP spid="21" grpId="0" animBg="1"/>
      <p:bldP spid="23" grpId="0" animBg="1"/>
      <p:bldP spid="25" grpId="0" animBg="1"/>
      <p:bldP spid="27" grpId="0" animBg="1"/>
      <p:bldP spid="6" grpId="0" animBg="1"/>
      <p:bldP spid="3" grpId="0" animBg="1"/>
      <p:bldP spid="129" grpId="0" animBg="1"/>
      <p:bldP spid="141" grpId="0" animBg="1"/>
      <p:bldP spid="143" grpId="0" animBg="1"/>
      <p:bldP spid="144" grpId="0" animBg="1"/>
      <p:bldP spid="145" grpId="0" animBg="1"/>
      <p:bldP spid="154" grpId="0" animBg="1"/>
      <p:bldP spid="155" grpId="0" animBg="1"/>
      <p:bldP spid="156" grpId="0" animBg="1"/>
      <p:bldP spid="157" grpId="0" animBg="1"/>
      <p:bldP spid="158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59DF9A51-A02A-AA4E-B988-C5075B61902F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l="22853" r="26912"/>
          <a:stretch/>
        </p:blipFill>
        <p:spPr>
          <a:xfrm>
            <a:off x="6440352" y="2851815"/>
            <a:ext cx="2533786" cy="3601374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51450895-2D7B-5141-8B3A-B068F497D88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063" r="29368"/>
          <a:stretch/>
        </p:blipFill>
        <p:spPr>
          <a:xfrm>
            <a:off x="918746" y="629505"/>
            <a:ext cx="2498545" cy="3428610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5DF1353-1E3D-497B-9A56-C78EBCFF42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0AC096B-C7BC-4823-A9B4-EE69B6AC37CE}" type="datetime3">
              <a:rPr kumimoji="0" lang="da-DK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6.04.2022</a:t>
            </a:fld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423A0CE-751E-4B42-9A0D-E701244EC6DD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9105"/>
          <a:stretch/>
        </p:blipFill>
        <p:spPr>
          <a:xfrm>
            <a:off x="911224" y="4319888"/>
            <a:ext cx="5256213" cy="21333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843A38E-E0BF-4719-B205-83EE4354C4B8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76" r="5276"/>
          <a:stretch/>
        </p:blipFill>
        <p:spPr>
          <a:xfrm>
            <a:off x="9220199" y="4571935"/>
            <a:ext cx="2527300" cy="1881253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CCE5F419-C08C-4B9F-9A37-F73408488CC8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54" r="8222"/>
          <a:stretch/>
        </p:blipFill>
        <p:spPr>
          <a:xfrm>
            <a:off x="6459098" y="620713"/>
            <a:ext cx="2520000" cy="2012154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C0BD4A16-FD79-4091-9451-AC9CC5312EB6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 rotWithShape="1"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9095"/>
          <a:stretch/>
        </p:blipFill>
        <p:spPr>
          <a:xfrm>
            <a:off x="9236868" y="620713"/>
            <a:ext cx="2527300" cy="1723097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7832244D-3131-4C45-B637-D387BEE5B03E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 rotWithShape="1"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75063" y="625640"/>
            <a:ext cx="2507519" cy="1790369"/>
          </a:xfrm>
          <a:prstGeom prst="rect">
            <a:avLst/>
          </a:prstGeom>
        </p:spPr>
      </p:pic>
      <p:pic>
        <p:nvPicPr>
          <p:cNvPr id="11" name="Picture 10" descr="A person sitting in a chair&#10;&#10;Description automatically generated with medium confidence">
            <a:extLst>
              <a:ext uri="{FF2B5EF4-FFF2-40B4-BE49-F238E27FC236}">
                <a16:creationId xmlns:a16="http://schemas.microsoft.com/office/drawing/2014/main" id="{3829435A-ED35-854B-9480-5FE16C32AA90}"/>
              </a:ext>
            </a:extLst>
          </p:cNvPr>
          <p:cNvPicPr>
            <a:picLocks noChangeAspect="1"/>
          </p:cNvPicPr>
          <p:nvPr/>
        </p:nvPicPr>
        <p:blipFill rotWithShape="1"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448"/>
          <a:stretch/>
        </p:blipFill>
        <p:spPr>
          <a:xfrm>
            <a:off x="3675063" y="2638697"/>
            <a:ext cx="2507519" cy="1415552"/>
          </a:xfrm>
          <a:prstGeom prst="rect">
            <a:avLst/>
          </a:prstGeom>
        </p:spPr>
      </p:pic>
      <p:pic>
        <p:nvPicPr>
          <p:cNvPr id="19" name="Picture 18" descr="A picture containing keyboard, indoor, computer, dark&#10;&#10;Description automatically generated">
            <a:extLst>
              <a:ext uri="{FF2B5EF4-FFF2-40B4-BE49-F238E27FC236}">
                <a16:creationId xmlns:a16="http://schemas.microsoft.com/office/drawing/2014/main" id="{BF4C49E4-8E22-B745-82A8-FB8B2D509058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36868" y="2618715"/>
            <a:ext cx="2527300" cy="16783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329882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C94FAD-D571-4DFE-A0DC-F1749E0CAB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ye teknologier skal være vores redning!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698F51-B4F6-4FE4-9AE2-C4C9C981B3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285D2C3-1B24-4EC3-B249-9C3BBF727012}" type="datetime3">
              <a:rPr kumimoji="0" lang="da-DK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6.04.2022</a:t>
            </a:fld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F297498E-D2B1-4C5F-B93F-E4050ABE247A}"/>
              </a:ext>
            </a:extLst>
          </p:cNvPr>
          <p:cNvSpPr/>
          <p:nvPr/>
        </p:nvSpPr>
        <p:spPr>
          <a:xfrm>
            <a:off x="8912181" y="2670667"/>
            <a:ext cx="2160000" cy="2160000"/>
          </a:xfrm>
          <a:prstGeom prst="ellipse">
            <a:avLst/>
          </a:prstGeom>
          <a:solidFill>
            <a:schemeClr val="accent4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limamål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-70 % i 2030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limaneutral i 2050</a:t>
            </a: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BFE28528-EADA-4585-B458-3978E48DB90F}"/>
              </a:ext>
            </a:extLst>
          </p:cNvPr>
          <p:cNvSpPr/>
          <p:nvPr/>
        </p:nvSpPr>
        <p:spPr>
          <a:xfrm>
            <a:off x="6329150" y="2670667"/>
            <a:ext cx="2160000" cy="2160000"/>
          </a:xfrm>
          <a:prstGeom prst="ellipse">
            <a:avLst/>
          </a:prstGeom>
          <a:solidFill>
            <a:schemeClr val="accent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nnovative løsninger skaber vækst i industrien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B94E69C8-1E39-44D2-BDCD-73DE86AE4659}"/>
              </a:ext>
            </a:extLst>
          </p:cNvPr>
          <p:cNvSpPr/>
          <p:nvPr/>
        </p:nvSpPr>
        <p:spPr>
          <a:xfrm>
            <a:off x="3746119" y="2670667"/>
            <a:ext cx="2160000" cy="2160000"/>
          </a:xfrm>
          <a:prstGeom prst="ellipse">
            <a:avLst/>
          </a:prstGeom>
          <a:solidFill>
            <a:schemeClr val="accent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ye teknologier</a:t>
            </a: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9CBD3246-2CCC-4ABD-935D-9E5FD8EAAC04}"/>
              </a:ext>
            </a:extLst>
          </p:cNvPr>
          <p:cNvSpPr/>
          <p:nvPr/>
        </p:nvSpPr>
        <p:spPr>
          <a:xfrm>
            <a:off x="1163088" y="2670667"/>
            <a:ext cx="2160000" cy="2160000"/>
          </a:xfrm>
          <a:prstGeom prst="ellipse">
            <a:avLst/>
          </a:prstGeom>
          <a:solidFill>
            <a:schemeClr val="accent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xcellent forskning</a:t>
            </a:r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DE5EBDAB-39F5-F948-9FA8-C04ABB89E60F}"/>
              </a:ext>
            </a:extLst>
          </p:cNvPr>
          <p:cNvCxnSpPr>
            <a:cxnSpLocks/>
            <a:stCxn id="8" idx="6"/>
          </p:cNvCxnSpPr>
          <p:nvPr/>
        </p:nvCxnSpPr>
        <p:spPr>
          <a:xfrm flipV="1">
            <a:off x="3323088" y="3750365"/>
            <a:ext cx="351975" cy="302"/>
          </a:xfrm>
          <a:prstGeom prst="straightConnector1">
            <a:avLst/>
          </a:prstGeom>
          <a:ln w="28575">
            <a:solidFill>
              <a:schemeClr val="accent1"/>
            </a:solidFill>
            <a:headEnd type="none" w="med" len="med"/>
            <a:tailEnd type="arrow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D7A0126F-C874-A949-BFCE-E8437ABB7D79}"/>
              </a:ext>
            </a:extLst>
          </p:cNvPr>
          <p:cNvCxnSpPr/>
          <p:nvPr/>
        </p:nvCxnSpPr>
        <p:spPr>
          <a:xfrm flipV="1">
            <a:off x="5815463" y="3750365"/>
            <a:ext cx="351975" cy="302"/>
          </a:xfrm>
          <a:prstGeom prst="straightConnector1">
            <a:avLst/>
          </a:prstGeom>
          <a:ln w="28575">
            <a:solidFill>
              <a:schemeClr val="accent1"/>
            </a:solidFill>
            <a:headEnd type="none" w="med" len="med"/>
            <a:tailEnd type="arrow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896C5B8C-B822-064B-9D11-8BE57FC4E116}"/>
              </a:ext>
            </a:extLst>
          </p:cNvPr>
          <p:cNvCxnSpPr/>
          <p:nvPr/>
        </p:nvCxnSpPr>
        <p:spPr>
          <a:xfrm flipV="1">
            <a:off x="8474874" y="3750365"/>
            <a:ext cx="351975" cy="302"/>
          </a:xfrm>
          <a:prstGeom prst="straightConnector1">
            <a:avLst/>
          </a:prstGeom>
          <a:ln w="28575">
            <a:solidFill>
              <a:schemeClr val="accent1"/>
            </a:solidFill>
            <a:headEnd type="none" w="med" len="med"/>
            <a:tailEnd type="arrow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" name="Group 11">
            <a:extLst>
              <a:ext uri="{FF2B5EF4-FFF2-40B4-BE49-F238E27FC236}">
                <a16:creationId xmlns:a16="http://schemas.microsoft.com/office/drawing/2014/main" id="{86E2C33E-43D2-4F61-814D-8725EC9511ED}"/>
              </a:ext>
            </a:extLst>
          </p:cNvPr>
          <p:cNvGrpSpPr>
            <a:grpSpLocks noChangeAspect="1"/>
          </p:cNvGrpSpPr>
          <p:nvPr/>
        </p:nvGrpSpPr>
        <p:grpSpPr>
          <a:xfrm>
            <a:off x="3117466" y="3342975"/>
            <a:ext cx="834275" cy="834275"/>
            <a:chOff x="92869" y="92869"/>
            <a:chExt cx="1254125" cy="1254125"/>
          </a:xfrm>
          <a:solidFill>
            <a:schemeClr val="accent4"/>
          </a:solidFill>
        </p:grpSpPr>
        <p:pic>
          <p:nvPicPr>
            <p:cNvPr id="13" name="Graphic 4">
              <a:extLst>
                <a:ext uri="{FF2B5EF4-FFF2-40B4-BE49-F238E27FC236}">
                  <a16:creationId xmlns:a16="http://schemas.microsoft.com/office/drawing/2014/main" id="{6943BF9F-1429-4AE7-AE16-855DD75BCB9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B80CD039-B668-442F-A281-CA3D72AC85F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5D99D52-74DA-4EB4-A47E-CD4BFCBDAEA4}"/>
              </a:ext>
            </a:extLst>
          </p:cNvPr>
          <p:cNvGrpSpPr>
            <a:grpSpLocks noChangeAspect="1"/>
          </p:cNvGrpSpPr>
          <p:nvPr/>
        </p:nvGrpSpPr>
        <p:grpSpPr>
          <a:xfrm>
            <a:off x="5678862" y="3333227"/>
            <a:ext cx="834275" cy="834275"/>
            <a:chOff x="92869" y="92869"/>
            <a:chExt cx="1254125" cy="1254125"/>
          </a:xfrm>
          <a:solidFill>
            <a:schemeClr val="accent4"/>
          </a:solidFill>
        </p:grpSpPr>
        <p:pic>
          <p:nvPicPr>
            <p:cNvPr id="16" name="Graphic 4">
              <a:extLst>
                <a:ext uri="{FF2B5EF4-FFF2-40B4-BE49-F238E27FC236}">
                  <a16:creationId xmlns:a16="http://schemas.microsoft.com/office/drawing/2014/main" id="{9A4072C9-9F08-4408-A0ED-D9D1215F4DF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17" name="Graphic 16">
              <a:extLst>
                <a:ext uri="{FF2B5EF4-FFF2-40B4-BE49-F238E27FC236}">
                  <a16:creationId xmlns:a16="http://schemas.microsoft.com/office/drawing/2014/main" id="{17EE56A6-FE04-49E5-94A0-3CB0F63B97E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976C8032-99A6-4143-94FC-9A5B8D675DAC}"/>
              </a:ext>
            </a:extLst>
          </p:cNvPr>
          <p:cNvGrpSpPr>
            <a:grpSpLocks noChangeAspect="1"/>
          </p:cNvGrpSpPr>
          <p:nvPr/>
        </p:nvGrpSpPr>
        <p:grpSpPr>
          <a:xfrm>
            <a:off x="8283528" y="3333226"/>
            <a:ext cx="834275" cy="834275"/>
            <a:chOff x="92869" y="92869"/>
            <a:chExt cx="1254125" cy="1254125"/>
          </a:xfrm>
          <a:solidFill>
            <a:schemeClr val="accent4"/>
          </a:solidFill>
        </p:grpSpPr>
        <p:pic>
          <p:nvPicPr>
            <p:cNvPr id="19" name="Graphic 4">
              <a:extLst>
                <a:ext uri="{FF2B5EF4-FFF2-40B4-BE49-F238E27FC236}">
                  <a16:creationId xmlns:a16="http://schemas.microsoft.com/office/drawing/2014/main" id="{C96CE0DE-B576-4D93-9CF6-19304AECB13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79917" y="194587"/>
              <a:ext cx="1080000" cy="1080000"/>
            </a:xfrm>
            <a:prstGeom prst="rect">
              <a:avLst/>
            </a:prstGeom>
          </p:spPr>
        </p:pic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A197DCD6-4DB3-4A35-BE3E-E4EC61583D5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92869" y="92869"/>
              <a:ext cx="1254125" cy="1254125"/>
            </a:xfrm>
            <a:prstGeom prst="rect">
              <a:avLst/>
            </a:prstGeom>
          </p:spPr>
        </p:pic>
      </p:grpSp>
      <p:pic>
        <p:nvPicPr>
          <p:cNvPr id="21" name="Picture 20" descr="Relateret billede">
            <a:extLst>
              <a:ext uri="{FF2B5EF4-FFF2-40B4-BE49-F238E27FC236}">
                <a16:creationId xmlns:a16="http://schemas.microsoft.com/office/drawing/2014/main" id="{EAD4FFAF-D4C0-4819-9533-12842D70CD5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3844101"/>
            <a:ext cx="12192000" cy="476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391782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6" dur="175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6" grpId="0" animBg="1"/>
      <p:bldP spid="7" grpId="0" animBg="1"/>
      <p:bldP spid="8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Oval 22">
            <a:extLst>
              <a:ext uri="{FF2B5EF4-FFF2-40B4-BE49-F238E27FC236}">
                <a16:creationId xmlns:a16="http://schemas.microsoft.com/office/drawing/2014/main" id="{654E910F-A016-7247-9868-97CFBD04A7DF}"/>
              </a:ext>
            </a:extLst>
          </p:cNvPr>
          <p:cNvSpPr>
            <a:spLocks noChangeAspect="1"/>
          </p:cNvSpPr>
          <p:nvPr/>
        </p:nvSpPr>
        <p:spPr>
          <a:xfrm>
            <a:off x="7037718" y="3497001"/>
            <a:ext cx="2520000" cy="2520000"/>
          </a:xfrm>
          <a:prstGeom prst="ellipse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52000" tIns="144000" rIns="72000" bIns="72000" rtlCol="0" anchor="t" anchorCtr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04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amarbejde</a:t>
            </a:r>
            <a:endParaRPr kumimoji="0" lang="en-GB" sz="1400" b="1" i="0" u="none" strike="noStrike" kern="1200" cap="none" spc="0" normalizeH="0" baseline="0" noProof="0" dirty="0">
              <a:ln>
                <a:noFill/>
              </a:ln>
              <a:solidFill>
                <a:srgbClr val="1D7BFA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ælles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remtidige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nvesteringer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ndustri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+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universitet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+ GTS </a:t>
            </a: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12339D97-D15F-EB4B-8EF3-D429D858513B}"/>
              </a:ext>
            </a:extLst>
          </p:cNvPr>
          <p:cNvSpPr>
            <a:spLocks noChangeAspect="1"/>
          </p:cNvSpPr>
          <p:nvPr/>
        </p:nvSpPr>
        <p:spPr>
          <a:xfrm>
            <a:off x="4864364" y="1336897"/>
            <a:ext cx="2520000" cy="2520000"/>
          </a:xfrm>
          <a:prstGeom prst="ellipse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52000" tIns="144000" rIns="72000" bIns="72000" rtlCol="0" anchor="t" anchorCtr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03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peratørmodel</a:t>
            </a:r>
            <a:endParaRPr kumimoji="0" lang="en-GB" sz="1400" b="1" i="0" u="none" strike="noStrike" kern="1200" cap="none" spc="0" normalizeH="0" baseline="0" noProof="0" dirty="0">
              <a:ln>
                <a:noFill/>
              </a:ln>
              <a:solidFill>
                <a:srgbClr val="1D7BFA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tyrk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universitets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-GTS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amarbejdet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mkring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ksisterende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aciliteter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003E6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1169B1F1-1545-4E4E-A403-127B0102324A}"/>
              </a:ext>
            </a:extLst>
          </p:cNvPr>
          <p:cNvSpPr>
            <a:spLocks noChangeAspect="1"/>
          </p:cNvSpPr>
          <p:nvPr/>
        </p:nvSpPr>
        <p:spPr>
          <a:xfrm>
            <a:off x="2691008" y="3497001"/>
            <a:ext cx="2520000" cy="2520000"/>
          </a:xfrm>
          <a:prstGeom prst="ellipse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52000" tIns="144000" rIns="72000" bIns="72000" rtlCol="0" anchor="t" anchorCtr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02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 err="1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inansiering</a:t>
            </a:r>
            <a:endParaRPr kumimoji="0" lang="en-GB" sz="1400" b="1" i="0" u="none" strike="noStrike" kern="1200" cap="none" spc="0" normalizeH="0" baseline="0" noProof="0" dirty="0">
              <a:ln>
                <a:noFill/>
              </a:ln>
              <a:solidFill>
                <a:srgbClr val="1D7BFA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fklar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uværende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inansiering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– og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kab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nye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inansierings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-modeller</a:t>
            </a: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B8C44DC4-B367-944D-B085-BA3D941ACAA4}"/>
              </a:ext>
            </a:extLst>
          </p:cNvPr>
          <p:cNvSpPr>
            <a:spLocks noChangeAspect="1"/>
          </p:cNvSpPr>
          <p:nvPr/>
        </p:nvSpPr>
        <p:spPr>
          <a:xfrm>
            <a:off x="517652" y="1336897"/>
            <a:ext cx="2520000" cy="2520000"/>
          </a:xfrm>
          <a:prstGeom prst="ellipse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52000" tIns="144000" rIns="72000" bIns="72000" rtlCol="0" anchor="t" anchorCtr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01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DU Roadm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ælles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roadmap for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estfaciliteter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003E6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(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kke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GB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rsknings-infrastruktur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)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E96B6A6-ADAC-EA44-8224-87C9D3D780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ejen</a:t>
            </a:r>
            <a:r>
              <a:rPr lang="en-GB" dirty="0"/>
              <a:t> </a:t>
            </a:r>
            <a:r>
              <a:rPr lang="en-GB" dirty="0" err="1"/>
              <a:t>videre</a:t>
            </a:r>
            <a:r>
              <a:rPr lang="en-GB" dirty="0"/>
              <a:t>…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FD85EB7-85D0-4F44-8C4E-AFB680BC05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59873C9-BF5D-4A9A-BB31-45BBB7BABAF7}" type="slidenum"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003E66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03E6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8E2598-A073-934C-A201-02D6F5F6A59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03E6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9C804A5-80DF-024D-A90E-C6E1CA7355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2B3B58B-93DB-4436-9B79-7B14F7557A1B}" type="datetime4">
              <a:rPr kumimoji="0" lang="en-GB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6 April 2022</a:t>
            </a:fld>
            <a:endParaRPr kumimoji="0" lang="en-GB" sz="100" b="0" i="0" u="none" strike="noStrike" kern="1200" cap="none" spc="0" normalizeH="0" baseline="0" noProof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6" name="Arc 15">
            <a:extLst>
              <a:ext uri="{FF2B5EF4-FFF2-40B4-BE49-F238E27FC236}">
                <a16:creationId xmlns:a16="http://schemas.microsoft.com/office/drawing/2014/main" id="{2AC5821D-3323-DF4E-8C5D-A07C177C8E14}"/>
              </a:ext>
            </a:extLst>
          </p:cNvPr>
          <p:cNvSpPr/>
          <p:nvPr/>
        </p:nvSpPr>
        <p:spPr>
          <a:xfrm rot="6696053">
            <a:off x="1813413" y="3110301"/>
            <a:ext cx="1557468" cy="1657072"/>
          </a:xfrm>
          <a:prstGeom prst="arc">
            <a:avLst>
              <a:gd name="adj1" fmla="val 18974436"/>
              <a:gd name="adj2" fmla="val 5494105"/>
            </a:avLst>
          </a:prstGeom>
          <a:ln w="25400">
            <a:solidFill>
              <a:schemeClr val="accent4"/>
            </a:solidFill>
            <a:headEnd type="arrow" w="lg" len="med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7" name="Arc 16">
            <a:extLst>
              <a:ext uri="{FF2B5EF4-FFF2-40B4-BE49-F238E27FC236}">
                <a16:creationId xmlns:a16="http://schemas.microsoft.com/office/drawing/2014/main" id="{543957FD-925D-F34A-A3D5-33B171080C98}"/>
              </a:ext>
            </a:extLst>
          </p:cNvPr>
          <p:cNvSpPr/>
          <p:nvPr/>
        </p:nvSpPr>
        <p:spPr>
          <a:xfrm rot="6696053">
            <a:off x="6160880" y="3091539"/>
            <a:ext cx="1531408" cy="1657072"/>
          </a:xfrm>
          <a:prstGeom prst="arc">
            <a:avLst>
              <a:gd name="adj1" fmla="val 18974436"/>
              <a:gd name="adj2" fmla="val 5494105"/>
            </a:avLst>
          </a:prstGeom>
          <a:ln w="25400">
            <a:solidFill>
              <a:schemeClr val="accent4"/>
            </a:solidFill>
            <a:headEnd type="arrow" w="lg" len="med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8" name="Arc 17">
            <a:extLst>
              <a:ext uri="{FF2B5EF4-FFF2-40B4-BE49-F238E27FC236}">
                <a16:creationId xmlns:a16="http://schemas.microsoft.com/office/drawing/2014/main" id="{BCB12783-3A65-C24F-8F06-C564FF404318}"/>
              </a:ext>
            </a:extLst>
          </p:cNvPr>
          <p:cNvSpPr/>
          <p:nvPr/>
        </p:nvSpPr>
        <p:spPr>
          <a:xfrm rot="14903947" flipV="1">
            <a:off x="4027274" y="2626848"/>
            <a:ext cx="1531408" cy="1657072"/>
          </a:xfrm>
          <a:prstGeom prst="arc">
            <a:avLst>
              <a:gd name="adj1" fmla="val 18974436"/>
              <a:gd name="adj2" fmla="val 5494105"/>
            </a:avLst>
          </a:prstGeom>
          <a:ln w="25400">
            <a:solidFill>
              <a:schemeClr val="accent4"/>
            </a:solidFill>
            <a:headEnd type="arrow" w="lg" len="med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AD463703-D9DB-DF44-AF90-FA7E038CF339}"/>
              </a:ext>
            </a:extLst>
          </p:cNvPr>
          <p:cNvSpPr>
            <a:spLocks noChangeAspect="1"/>
          </p:cNvSpPr>
          <p:nvPr/>
        </p:nvSpPr>
        <p:spPr>
          <a:xfrm>
            <a:off x="9232632" y="1336897"/>
            <a:ext cx="2520000" cy="2520000"/>
          </a:xfrm>
          <a:prstGeom prst="ellipse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52000" tIns="144000" rIns="72000" bIns="72000" rtlCol="0" anchor="t" anchorCtr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0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1D7BFA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olicy-mix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400" dirty="0" err="1">
                <a:solidFill>
                  <a:srgbClr val="003E66"/>
                </a:solidFill>
                <a:latin typeface="Arial"/>
              </a:rPr>
              <a:t>Stimulér</a:t>
            </a:r>
            <a:r>
              <a:rPr lang="en-GB" sz="1400" dirty="0">
                <a:solidFill>
                  <a:srgbClr val="003E66"/>
                </a:solidFill>
                <a:latin typeface="Arial"/>
              </a:rPr>
              <a:t> </a:t>
            </a:r>
            <a:r>
              <a:rPr lang="en-GB" sz="1400" dirty="0" err="1">
                <a:solidFill>
                  <a:srgbClr val="003E66"/>
                </a:solidFill>
                <a:latin typeface="Arial"/>
              </a:rPr>
              <a:t>innovationsevnen</a:t>
            </a:r>
            <a:r>
              <a:rPr lang="en-GB" sz="1400" dirty="0">
                <a:solidFill>
                  <a:srgbClr val="003E66"/>
                </a:solidFill>
                <a:latin typeface="Arial"/>
              </a:rPr>
              <a:t> </a:t>
            </a:r>
            <a:r>
              <a:rPr lang="en-GB" sz="1400" dirty="0" err="1">
                <a:solidFill>
                  <a:srgbClr val="003E66"/>
                </a:solidFill>
                <a:latin typeface="Arial"/>
              </a:rPr>
              <a:t>i</a:t>
            </a:r>
            <a:r>
              <a:rPr lang="en-GB" sz="1400" dirty="0">
                <a:solidFill>
                  <a:srgbClr val="003E66"/>
                </a:solidFill>
                <a:latin typeface="Arial"/>
              </a:rPr>
              <a:t> </a:t>
            </a:r>
            <a:r>
              <a:rPr lang="en-GB" sz="1400" dirty="0" err="1">
                <a:solidFill>
                  <a:srgbClr val="003E66"/>
                </a:solidFill>
                <a:latin typeface="Arial"/>
              </a:rPr>
              <a:t>virksomhederne</a:t>
            </a:r>
            <a:r>
              <a:rPr lang="en-GB" sz="1400" dirty="0">
                <a:solidFill>
                  <a:srgbClr val="003E66"/>
                </a:solidFill>
                <a:latin typeface="Arial"/>
              </a:rPr>
              <a:t> med </a:t>
            </a:r>
            <a:r>
              <a:rPr lang="en-GB" sz="1400" dirty="0" err="1">
                <a:solidFill>
                  <a:srgbClr val="003E66"/>
                </a:solidFill>
                <a:latin typeface="Arial"/>
              </a:rPr>
              <a:t>andet</a:t>
            </a:r>
            <a:r>
              <a:rPr lang="en-GB" sz="1400" dirty="0">
                <a:solidFill>
                  <a:srgbClr val="003E66"/>
                </a:solidFill>
                <a:latin typeface="Arial"/>
              </a:rPr>
              <a:t> end ‘grants’</a:t>
            </a: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003E66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4" name="Arc 23">
            <a:extLst>
              <a:ext uri="{FF2B5EF4-FFF2-40B4-BE49-F238E27FC236}">
                <a16:creationId xmlns:a16="http://schemas.microsoft.com/office/drawing/2014/main" id="{5989831C-1AE1-0141-B2A4-40B20BDA8A8A}"/>
              </a:ext>
            </a:extLst>
          </p:cNvPr>
          <p:cNvSpPr/>
          <p:nvPr/>
        </p:nvSpPr>
        <p:spPr>
          <a:xfrm rot="14903947" flipV="1">
            <a:off x="8395542" y="2626848"/>
            <a:ext cx="1531408" cy="1657072"/>
          </a:xfrm>
          <a:prstGeom prst="arc">
            <a:avLst>
              <a:gd name="adj1" fmla="val 18974436"/>
              <a:gd name="adj2" fmla="val 5494105"/>
            </a:avLst>
          </a:prstGeom>
          <a:ln w="25400">
            <a:solidFill>
              <a:schemeClr val="accent4"/>
            </a:solidFill>
            <a:headEnd type="arrow" w="lg" len="med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4519656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3B0C8C-31E1-4A9F-A495-5CED0D4F0B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00000" y="1941513"/>
            <a:ext cx="10824120" cy="1487487"/>
          </a:xfrm>
        </p:spPr>
        <p:txBody>
          <a:bodyPr/>
          <a:lstStyle/>
          <a:p>
            <a:r>
              <a:rPr lang="en-GB" dirty="0"/>
              <a:t>Keep in touch</a:t>
            </a:r>
          </a:p>
        </p:txBody>
      </p:sp>
      <p:sp>
        <p:nvSpPr>
          <p:cNvPr id="3" name="Content Placeholder 15">
            <a:extLst>
              <a:ext uri="{FF2B5EF4-FFF2-40B4-BE49-F238E27FC236}">
                <a16:creationId xmlns:a16="http://schemas.microsoft.com/office/drawing/2014/main" id="{D8E81AA3-E5BE-45ED-8A75-98A6A612AA01}"/>
              </a:ext>
            </a:extLst>
          </p:cNvPr>
          <p:cNvSpPr txBox="1">
            <a:spLocks/>
          </p:cNvSpPr>
          <p:nvPr/>
        </p:nvSpPr>
        <p:spPr>
          <a:xfrm>
            <a:off x="911226" y="3429000"/>
            <a:ext cx="5256212" cy="2282687"/>
          </a:xfrm>
          <a:prstGeom prst="rect">
            <a:avLst/>
          </a:prstGeom>
        </p:spPr>
        <p:txBody>
          <a:bodyPr lIns="0" tIns="0" rIns="0" bIns="0" anchor="b"/>
          <a:lstStyle>
            <a:lvl1pPr marL="285750" indent="-285750" algn="l" defTabSz="914400" rtl="0" eaLnBrk="1" latinLnBrk="0" hangingPunct="1">
              <a:lnSpc>
                <a:spcPct val="101000"/>
              </a:lnSpc>
              <a:spcBef>
                <a:spcPts val="800"/>
              </a:spcBef>
              <a:spcAft>
                <a:spcPts val="4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US" sz="1800" kern="1200" noProof="0" dirty="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504000" indent="-252000" algn="l" defTabSz="914400" rtl="0" eaLnBrk="1" latinLnBrk="0" hangingPunct="1">
              <a:lnSpc>
                <a:spcPct val="101000"/>
              </a:lnSpc>
              <a:spcBef>
                <a:spcPts val="800"/>
              </a:spcBef>
              <a:spcAft>
                <a:spcPts val="400"/>
              </a:spcAft>
              <a:buClr>
                <a:schemeClr val="accent1"/>
              </a:buClr>
              <a:buFont typeface="Arial" panose="020B0604020202020204" pitchFamily="34" charset="0"/>
              <a:buChar char="‒"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2pPr>
            <a:lvl3pPr marL="789750" marR="0" indent="-252000" algn="l" defTabSz="914400" rtl="0" eaLnBrk="1" fontAlgn="auto" latinLnBrk="0" hangingPunct="1">
              <a:lnSpc>
                <a:spcPct val="101000"/>
              </a:lnSpc>
              <a:spcBef>
                <a:spcPts val="800"/>
              </a:spcBef>
              <a:spcAft>
                <a:spcPts val="400"/>
              </a:spcAft>
              <a:buClr>
                <a:schemeClr val="accent1"/>
              </a:buClr>
              <a:buSzTx/>
              <a:buFont typeface="System Font Regular"/>
              <a:buChar char="–"/>
              <a:tabLst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1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2000" b="1" i="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4pPr>
            <a:lvl5pPr marL="0" marR="0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SzTx/>
              <a:buFont typeface="Arial" panose="020B0604020202020204" pitchFamily="34" charset="0"/>
              <a:buChar char="​"/>
              <a:tabLst/>
              <a:defRPr sz="18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tx2"/>
              </a:buClr>
              <a:buFont typeface="Arial" panose="020B0604020202020204" pitchFamily="34" charset="0"/>
              <a:buChar char="​"/>
              <a:defRPr sz="1600" b="0" kern="1200">
                <a:solidFill>
                  <a:schemeClr val="accent3"/>
                </a:solidFill>
                <a:latin typeface="+mn-lt"/>
                <a:ea typeface="+mn-ea"/>
                <a:cs typeface="Arial" panose="020B0604020202020204" pitchFamily="34" charset="0"/>
              </a:defRPr>
            </a:lvl6pPr>
            <a:lvl7pPr marL="0" indent="0" algn="l" defTabSz="914400" rtl="0" eaLnBrk="1" latinLnBrk="0" hangingPunct="1">
              <a:lnSpc>
                <a:spcPct val="101000"/>
              </a:lnSpc>
              <a:spcBef>
                <a:spcPts val="0"/>
              </a:spcBef>
              <a:buClr>
                <a:schemeClr val="tx2"/>
              </a:buClr>
              <a:buFont typeface="Arial" panose="020B0604020202020204" pitchFamily="34" charset="0"/>
              <a:buChar char="​"/>
              <a:defRPr sz="1400" kern="1200" baseline="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7pPr>
            <a:lvl8pPr marL="284400" indent="-284400" algn="l" defTabSz="914400" rtl="0" eaLnBrk="1" latinLnBrk="0" hangingPunct="1">
              <a:lnSpc>
                <a:spcPct val="101000"/>
              </a:lnSpc>
              <a:spcBef>
                <a:spcPts val="800"/>
              </a:spcBef>
              <a:spcAft>
                <a:spcPts val="400"/>
              </a:spcAft>
              <a:buClr>
                <a:schemeClr val="accent1"/>
              </a:buClr>
              <a:buFont typeface="Wingdings 3" panose="05040102010807070707" pitchFamily="18" charset="2"/>
              <a:buChar char=""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1000"/>
              </a:lnSpc>
              <a:spcBef>
                <a:spcPts val="0"/>
              </a:spcBef>
              <a:buClr>
                <a:schemeClr val="tx2"/>
              </a:buClr>
              <a:buFont typeface="Arial" panose="020B0604020202020204" pitchFamily="34" charset="0"/>
              <a:buChar char="​"/>
              <a:defRPr sz="4800" kern="1200" baseline="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3" indent="0" algn="l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600"/>
              </a:spcAft>
              <a:buClr>
                <a:srgbClr val="475C6D"/>
              </a:buClr>
              <a:buSzTx/>
              <a:buFont typeface="Arial" panose="020B0604020202020204" pitchFamily="34" charset="0"/>
              <a:buChar char="​"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homas Bech Hansen</a:t>
            </a:r>
            <a:b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ice President</a:t>
            </a:r>
            <a:b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+45 43 25 00 00</a:t>
            </a:r>
            <a:b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bh@forcetechnology.com</a:t>
            </a:r>
            <a:b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rcetechnology.com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59A1015-A478-4A78-9E03-4DB948659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5B37C5-4C4F-4D76-A9B9-EDA1D5D807BA}" type="datetime3">
              <a:rPr kumimoji="0" lang="da-DK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6.04.2022</a:t>
            </a:fld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97932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032340531736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48984396.png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3efbddd4-878b-4778-a46c-47b8b30f8c8d.jpeg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e40ad980-a0a8-4ff7-b889-6e5310f3a864.jpeg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c35ce80b-daa3-4546-bd67-1e612a7c45da.jpeg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19c2e3dc-4051-4caa-b334-833815c4ca01.jpeg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6ae60ed6-3848-480a-b855-daef68a0902c.jpe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19c2e3dc-4051-4caa-b334-833815c4ca01.jpeg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5e9386a6-15d3-4f76-8d35-641928dbf74f.jpeg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c762521c-22b0-4963-aaf6-63f7895fcfb7.jpeg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tbh\AppData\Local\Temp\Templafy\PowerPointVsto\Assets\768b99b8-3ee6-4aa8-8026-32d51acabca0.jpeg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33923527162886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03234053173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FORCE Technology">
  <a:themeElements>
    <a:clrScheme name="FORCE Technology 1">
      <a:dk1>
        <a:srgbClr val="000000"/>
      </a:dk1>
      <a:lt1>
        <a:srgbClr val="FFFFFF"/>
      </a:lt1>
      <a:dk2>
        <a:srgbClr val="475C6D"/>
      </a:dk2>
      <a:lt2>
        <a:srgbClr val="CFDADC"/>
      </a:lt2>
      <a:accent1>
        <a:srgbClr val="1D7BFA"/>
      </a:accent1>
      <a:accent2>
        <a:srgbClr val="A5CAFD"/>
      </a:accent2>
      <a:accent3>
        <a:srgbClr val="003E66"/>
      </a:accent3>
      <a:accent4>
        <a:srgbClr val="32CD32"/>
      </a:accent4>
      <a:accent5>
        <a:srgbClr val="FFC608"/>
      </a:accent5>
      <a:accent6>
        <a:srgbClr val="FF4E50"/>
      </a:accent6>
      <a:hlink>
        <a:srgbClr val="1D7BFA"/>
      </a:hlink>
      <a:folHlink>
        <a:srgbClr val="A5CAFD"/>
      </a:folHlink>
    </a:clrScheme>
    <a:fontScheme name="Force Technology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8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800" dirty="0" err="1" smtClean="0">
            <a:solidFill>
              <a:schemeClr val="accent3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34D07396-8804-431A-815D-BA337BFC9BC3}" vid="{E7B19AF0-3CEE-48B7-8BB3-CF9BD240B483}"/>
    </a:ext>
  </a:extLst>
</a:theme>
</file>

<file path=ppt/theme/theme2.xml><?xml version="1.0" encoding="utf-8"?>
<a:theme xmlns:a="http://schemas.openxmlformats.org/drawingml/2006/main" name="1_FORCE Technology">
  <a:themeElements>
    <a:clrScheme name="FORCE Technology 1">
      <a:dk1>
        <a:srgbClr val="000000"/>
      </a:dk1>
      <a:lt1>
        <a:srgbClr val="FFFFFF"/>
      </a:lt1>
      <a:dk2>
        <a:srgbClr val="475C6D"/>
      </a:dk2>
      <a:lt2>
        <a:srgbClr val="CFDADC"/>
      </a:lt2>
      <a:accent1>
        <a:srgbClr val="1D7BFA"/>
      </a:accent1>
      <a:accent2>
        <a:srgbClr val="A5CAFD"/>
      </a:accent2>
      <a:accent3>
        <a:srgbClr val="003E66"/>
      </a:accent3>
      <a:accent4>
        <a:srgbClr val="32CD32"/>
      </a:accent4>
      <a:accent5>
        <a:srgbClr val="FFC608"/>
      </a:accent5>
      <a:accent6>
        <a:srgbClr val="FF4E50"/>
      </a:accent6>
      <a:hlink>
        <a:srgbClr val="1D7BFA"/>
      </a:hlink>
      <a:folHlink>
        <a:srgbClr val="A5CAFD"/>
      </a:folHlink>
    </a:clrScheme>
    <a:fontScheme name="Force Technology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8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800" dirty="0" err="1" smtClean="0">
            <a:solidFill>
              <a:schemeClr val="accent3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B509787C-7841-41A4-97EE-A1AF144BB49C}" vid="{6B7FEB0B-05F8-476C-8E88-23E71C7C497B}"/>
    </a:ext>
  </a:extLst>
</a:theme>
</file>

<file path=ppt/theme/theme3.xml><?xml version="1.0" encoding="utf-8"?>
<a:theme xmlns:a="http://schemas.openxmlformats.org/drawingml/2006/main" name="2_FORCE Technology">
  <a:themeElements>
    <a:clrScheme name="FORCE Technology">
      <a:dk1>
        <a:srgbClr val="000000"/>
      </a:dk1>
      <a:lt1>
        <a:srgbClr val="FFFFFF"/>
      </a:lt1>
      <a:dk2>
        <a:srgbClr val="475C6D"/>
      </a:dk2>
      <a:lt2>
        <a:srgbClr val="CFDADC"/>
      </a:lt2>
      <a:accent1>
        <a:srgbClr val="1D7BFA"/>
      </a:accent1>
      <a:accent2>
        <a:srgbClr val="A5CAFD"/>
      </a:accent2>
      <a:accent3>
        <a:srgbClr val="003E66"/>
      </a:accent3>
      <a:accent4>
        <a:srgbClr val="32CD32"/>
      </a:accent4>
      <a:accent5>
        <a:srgbClr val="FFC208"/>
      </a:accent5>
      <a:accent6>
        <a:srgbClr val="FF4D50"/>
      </a:accent6>
      <a:hlink>
        <a:srgbClr val="1D7BFA"/>
      </a:hlink>
      <a:folHlink>
        <a:srgbClr val="A4C9FC"/>
      </a:folHlink>
    </a:clrScheme>
    <a:fontScheme name="Force Technology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8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800" dirty="0" err="1" smtClean="0">
            <a:solidFill>
              <a:schemeClr val="accent3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B509787C-7841-41A4-97EE-A1AF144BB49C}" vid="{6B7FEB0B-05F8-476C-8E88-23E71C7C497B}"/>
    </a:ext>
  </a:extLst>
</a:theme>
</file>

<file path=ppt/theme/theme4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2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F60EACF9-59FF-420B-9F49-7CB4A8B56F23}">
  <we:reference id="wa104380278" version="1.0.0.6" store="en-US" storeType="OMEX"/>
  <we:alternateReferences>
    <we:reference id="wa104380278" version="1.0.0.6" store="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TemplafyTemplateConfiguration><![CDATA[{"elementsMetadata":[],"transformationConfigurations":[],"enableDocumentContentUpdater":true,"version":"1.11"}]]></TemplafyTemplateConfiguration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CF33B5494E2ACC46B15889066B33BC41" ma:contentTypeVersion="11" ma:contentTypeDescription="Create a new document." ma:contentTypeScope="" ma:versionID="7413f2e5d1cd457739373ad2babf7e51">
  <xsd:schema xmlns:xsd="http://www.w3.org/2001/XMLSchema" xmlns:xs="http://www.w3.org/2001/XMLSchema" xmlns:p="http://schemas.microsoft.com/office/2006/metadata/properties" xmlns:ns3="b1ac6161-d17b-4477-bd47-24eac7ee9d9a" xmlns:ns4="0976af17-a8e3-481f-988e-0908613b5b10" targetNamespace="http://schemas.microsoft.com/office/2006/metadata/properties" ma:root="true" ma:fieldsID="2975ded0d1189056bd7b763d22927579" ns3:_="" ns4:_="">
    <xsd:import namespace="b1ac6161-d17b-4477-bd47-24eac7ee9d9a"/>
    <xsd:import namespace="0976af17-a8e3-481f-988e-0908613b5b10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OCR" minOccurs="0"/>
                <xsd:element ref="ns4:MediaServiceLocation" minOccurs="0"/>
                <xsd:element ref="ns4:MediaServiceGenerationTime" minOccurs="0"/>
                <xsd:element ref="ns4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1ac6161-d17b-4477-bd47-24eac7ee9d9a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976af17-a8e3-481f-988e-0908613b5b1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4" nillable="true" ma:displayName="MediaServiceAutoTags" ma:internalName="MediaServiceAutoTags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6" nillable="true" ma:displayName="Location" ma:internalName="MediaServiceLocation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FormConfiguration><![CDATA[{"formFields":[],"formDataEntries":[]}]]></TemplafyFormConfiguration>
</file>

<file path=customXml/item5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82EBF030-4ED6-43FC-8AC3-A9A4D77E7430}">
  <ds:schemaRefs/>
</ds:datastoreItem>
</file>

<file path=customXml/itemProps2.xml><?xml version="1.0" encoding="utf-8"?>
<ds:datastoreItem xmlns:ds="http://schemas.openxmlformats.org/officeDocument/2006/customXml" ds:itemID="{AD91AE2C-502D-48DD-AAC0-AFB362CE2F0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1ac6161-d17b-4477-bd47-24eac7ee9d9a"/>
    <ds:schemaRef ds:uri="0976af17-a8e3-481f-988e-0908613b5b1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973F67F0-CB52-4A86-B071-A8515CD207B3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1D00B920-89C1-468A-9A13-ACAD74422C64}">
  <ds:schemaRefs/>
</ds:datastoreItem>
</file>

<file path=customXml/itemProps5.xml><?xml version="1.0" encoding="utf-8"?>
<ds:datastoreItem xmlns:ds="http://schemas.openxmlformats.org/officeDocument/2006/customXml" ds:itemID="{1D2806FF-2747-4ADA-B0A9-FAFAD25E2333}">
  <ds:schemaRefs>
    <ds:schemaRef ds:uri="http://purl.org/dc/elements/1.1/"/>
    <ds:schemaRef ds:uri="0976af17-a8e3-481f-988e-0908613b5b10"/>
    <ds:schemaRef ds:uri="http://purl.org/dc/terms/"/>
    <ds:schemaRef ds:uri="b1ac6161-d17b-4477-bd47-24eac7ee9d9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996</TotalTime>
  <Words>201</Words>
  <Application>Microsoft Office PowerPoint</Application>
  <PresentationFormat>Widescreen</PresentationFormat>
  <Paragraphs>73</Paragraphs>
  <Slides>9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9</vt:i4>
      </vt:variant>
    </vt:vector>
  </HeadingPairs>
  <TitlesOfParts>
    <vt:vector size="15" baseType="lpstr">
      <vt:lpstr>Arial</vt:lpstr>
      <vt:lpstr>System Font Regular</vt:lpstr>
      <vt:lpstr>Wingdings 3</vt:lpstr>
      <vt:lpstr>FORCE Technology</vt:lpstr>
      <vt:lpstr>1_FORCE Technology</vt:lpstr>
      <vt:lpstr>2_FORCE Technology</vt:lpstr>
      <vt:lpstr>Danmark som førende testland..</vt:lpstr>
      <vt:lpstr>PowerPoint Presentation</vt:lpstr>
      <vt:lpstr>Styrkepositioner kræver infrastruktur</vt:lpstr>
      <vt:lpstr>TDU er ‘gatekeeper’ for nye teknologier</vt:lpstr>
      <vt:lpstr>TDU er ‘gatekeeper’ for nye teknologier</vt:lpstr>
      <vt:lpstr>PowerPoint Presentation</vt:lpstr>
      <vt:lpstr>Nye teknologier skal være vores redning!</vt:lpstr>
      <vt:lpstr>Vejen videre…</vt:lpstr>
      <vt:lpstr>Keep in touch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tarting on a new presentation and want all the benefits from Templafy? </dc:title>
  <dc:creator>Thomas Bech Hansen</dc:creator>
  <cp:lastModifiedBy>Thomas Bech Hansen</cp:lastModifiedBy>
  <cp:revision>67</cp:revision>
  <cp:lastPrinted>2022-03-29T09:18:22Z</cp:lastPrinted>
  <dcterms:created xsi:type="dcterms:W3CDTF">2022-03-03T19:38:41Z</dcterms:created>
  <dcterms:modified xsi:type="dcterms:W3CDTF">2022-04-06T11:24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21-02-19T10:06:32.5045416Z</vt:lpwstr>
  </property>
  <property fmtid="{D5CDD505-2E9C-101B-9397-08002B2CF9AE}" pid="4" name="Force">
    <vt:lpwstr>true</vt:lpwstr>
  </property>
  <property fmtid="{D5CDD505-2E9C-101B-9397-08002B2CF9AE}" pid="5" name="CustomerId">
    <vt:lpwstr>force</vt:lpwstr>
  </property>
  <property fmtid="{D5CDD505-2E9C-101B-9397-08002B2CF9AE}" pid="6" name="TemplateId">
    <vt:lpwstr>637496032335289737</vt:lpwstr>
  </property>
  <property fmtid="{D5CDD505-2E9C-101B-9397-08002B2CF9AE}" pid="7" name="UserProfileId">
    <vt:lpwstr>636873692247126261</vt:lpwstr>
  </property>
</Properties>
</file>